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504\02_健康づくりG\55_保健医療データ活用事業\5560_基盤整備\NTTとの打合せ等\市町村事業評価支援用資料送付\掲載用\"/>
    </mc:Choice>
  </mc:AlternateContent>
  <bookViews>
    <workbookView xWindow="0" yWindow="0" windowWidth="19200" windowHeight="6490"/>
  </bookViews>
  <sheets>
    <sheet name="入院・外来計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60" uniqueCount="144">
  <si>
    <t>【入院・外来計】生活習慣病医療費地域差指数</t>
    <rPh sb="4" eb="6">
      <t>ガイライ</t>
    </rPh>
    <rPh sb="6" eb="7">
      <t>ケイ</t>
    </rPh>
    <phoneticPr fontId="3"/>
  </si>
  <si>
    <t>男性</t>
    <rPh sb="0" eb="2">
      <t>ダンセイ</t>
    </rPh>
    <phoneticPr fontId="2"/>
  </si>
  <si>
    <t>女性</t>
    <rPh sb="0" eb="2">
      <t>ジョセイ</t>
    </rPh>
    <phoneticPr fontId="2"/>
  </si>
  <si>
    <t xml:space="preserve">赤／青＝県より10%以上高い／低い </t>
    <rPh sb="0" eb="1">
      <t>アカ</t>
    </rPh>
    <rPh sb="2" eb="3">
      <t>アオ</t>
    </rPh>
    <rPh sb="4" eb="5">
      <t>ケン</t>
    </rPh>
    <rPh sb="10" eb="12">
      <t>イジョウ</t>
    </rPh>
    <rPh sb="12" eb="13">
      <t>タカ</t>
    </rPh>
    <rPh sb="15" eb="16">
      <t>ヒク</t>
    </rPh>
    <phoneticPr fontId="3"/>
  </si>
  <si>
    <t>地域差指数(標準化医療費の比)　　※県のみ全国=100、県下市町村は県=100</t>
    <rPh sb="0" eb="3">
      <t>チイキサ</t>
    </rPh>
    <rPh sb="3" eb="5">
      <t>シスウ</t>
    </rPh>
    <rPh sb="6" eb="9">
      <t>ヒョウジュンカ</t>
    </rPh>
    <rPh sb="9" eb="12">
      <t>イリョウヒ</t>
    </rPh>
    <rPh sb="13" eb="14">
      <t>ヒ</t>
    </rPh>
    <rPh sb="18" eb="19">
      <t>ケン</t>
    </rPh>
    <rPh sb="21" eb="23">
      <t>ゼンコク</t>
    </rPh>
    <rPh sb="28" eb="30">
      <t>ケンカ</t>
    </rPh>
    <rPh sb="30" eb="33">
      <t>シチョウソン</t>
    </rPh>
    <rPh sb="34" eb="35">
      <t>ケン</t>
    </rPh>
    <phoneticPr fontId="3"/>
  </si>
  <si>
    <t>市区町村コード</t>
    <rPh sb="0" eb="4">
      <t>シクチョウソン</t>
    </rPh>
    <phoneticPr fontId="2"/>
  </si>
  <si>
    <t>市区町村名</t>
    <rPh sb="0" eb="4">
      <t>シクチョウソン</t>
    </rPh>
    <rPh sb="4" eb="5">
      <t>メイ</t>
    </rPh>
    <phoneticPr fontId="2"/>
  </si>
  <si>
    <t>糖尿病</t>
  </si>
  <si>
    <t>高血圧症</t>
  </si>
  <si>
    <t>脂質異常症</t>
  </si>
  <si>
    <t>高尿酸血症</t>
  </si>
  <si>
    <t>脂肪肝</t>
  </si>
  <si>
    <t>動脈硬化症</t>
  </si>
  <si>
    <t>脳出血</t>
  </si>
  <si>
    <t>脳梗塞</t>
  </si>
  <si>
    <t>狭心症</t>
  </si>
  <si>
    <t>心筋梗塞</t>
  </si>
  <si>
    <t>がん</t>
  </si>
  <si>
    <t>筋・骨格</t>
  </si>
  <si>
    <t>精神</t>
  </si>
  <si>
    <t>その他</t>
    <phoneticPr fontId="3"/>
  </si>
  <si>
    <t>全傷病計</t>
  </si>
  <si>
    <t>神奈川県</t>
    <rPh sb="0" eb="4">
      <t>カナガワケン</t>
    </rPh>
    <phoneticPr fontId="4"/>
  </si>
  <si>
    <t>横浜市</t>
    <rPh sb="0" eb="3">
      <t>ヨコハマシ</t>
    </rPh>
    <phoneticPr fontId="4"/>
  </si>
  <si>
    <t>14101</t>
  </si>
  <si>
    <t>横浜市鶴見区</t>
  </si>
  <si>
    <t>14102</t>
  </si>
  <si>
    <t>横浜市神奈川区</t>
  </si>
  <si>
    <t>14103</t>
  </si>
  <si>
    <t>横浜市西区</t>
  </si>
  <si>
    <t>14104</t>
  </si>
  <si>
    <t>横浜市中区</t>
  </si>
  <si>
    <t>14105</t>
  </si>
  <si>
    <t>横浜市南区</t>
  </si>
  <si>
    <t>14106</t>
  </si>
  <si>
    <t>横浜市保土ケ谷区</t>
  </si>
  <si>
    <t>14107</t>
  </si>
  <si>
    <t>横浜市磯子区</t>
  </si>
  <si>
    <t>14108</t>
  </si>
  <si>
    <t>横浜市金沢区</t>
  </si>
  <si>
    <t>14109</t>
  </si>
  <si>
    <t>横浜市港北区</t>
  </si>
  <si>
    <t>14110</t>
  </si>
  <si>
    <t>横浜市戸塚区</t>
  </si>
  <si>
    <t>14111</t>
  </si>
  <si>
    <t>横浜市港南区</t>
  </si>
  <si>
    <t>14112</t>
  </si>
  <si>
    <t>横浜市旭区</t>
  </si>
  <si>
    <t>14113</t>
  </si>
  <si>
    <t>横浜市緑区</t>
  </si>
  <si>
    <t>14114</t>
  </si>
  <si>
    <t>横浜市瀬谷区</t>
  </si>
  <si>
    <t>14115</t>
  </si>
  <si>
    <t>横浜市栄区</t>
  </si>
  <si>
    <t>14116</t>
  </si>
  <si>
    <t>横浜市泉区</t>
  </si>
  <si>
    <t>14117</t>
  </si>
  <si>
    <t>横浜市青葉区</t>
  </si>
  <si>
    <t>14118</t>
  </si>
  <si>
    <t>横浜市都筑区</t>
  </si>
  <si>
    <t>14130</t>
  </si>
  <si>
    <t>川崎市</t>
  </si>
  <si>
    <t>14131</t>
  </si>
  <si>
    <t>川崎市川崎区</t>
  </si>
  <si>
    <t>14132</t>
  </si>
  <si>
    <t>川崎市幸区</t>
  </si>
  <si>
    <t>14133</t>
  </si>
  <si>
    <t>川崎市中原区</t>
  </si>
  <si>
    <t>14134</t>
  </si>
  <si>
    <t>川崎市高津区</t>
  </si>
  <si>
    <t>14135</t>
  </si>
  <si>
    <t>川崎市多摩区</t>
  </si>
  <si>
    <t>14136</t>
  </si>
  <si>
    <t>川崎市宮前区</t>
  </si>
  <si>
    <t>14137</t>
  </si>
  <si>
    <t>川崎市麻生区</t>
  </si>
  <si>
    <t>14150</t>
  </si>
  <si>
    <t>相模原市</t>
  </si>
  <si>
    <t>14151</t>
  </si>
  <si>
    <t>相模原市緑区</t>
  </si>
  <si>
    <t>14152</t>
  </si>
  <si>
    <t>相模原市中央区</t>
  </si>
  <si>
    <t>14153</t>
  </si>
  <si>
    <t>相模原市南区</t>
  </si>
  <si>
    <t>14201</t>
  </si>
  <si>
    <t>横須賀市</t>
  </si>
  <si>
    <t>14203</t>
  </si>
  <si>
    <t>平塚市</t>
  </si>
  <si>
    <t>14204</t>
  </si>
  <si>
    <t>鎌倉市</t>
  </si>
  <si>
    <t>14205</t>
  </si>
  <si>
    <t>藤沢市</t>
  </si>
  <si>
    <t>14206</t>
  </si>
  <si>
    <t>小田原市</t>
  </si>
  <si>
    <t>14207</t>
  </si>
  <si>
    <t>茅ケ崎市</t>
  </si>
  <si>
    <t>14208</t>
  </si>
  <si>
    <t>逗子市</t>
  </si>
  <si>
    <t>14210</t>
  </si>
  <si>
    <t>三浦市</t>
  </si>
  <si>
    <t>14211</t>
  </si>
  <si>
    <t>秦野市</t>
  </si>
  <si>
    <t>14212</t>
  </si>
  <si>
    <t>厚木市</t>
  </si>
  <si>
    <t>14213</t>
  </si>
  <si>
    <t>大和市</t>
  </si>
  <si>
    <t>14214</t>
  </si>
  <si>
    <t>伊勢原市</t>
  </si>
  <si>
    <t>14215</t>
  </si>
  <si>
    <t>海老名市</t>
  </si>
  <si>
    <t>14216</t>
  </si>
  <si>
    <t>座間市</t>
  </si>
  <si>
    <t>14217</t>
  </si>
  <si>
    <t>南足柄市</t>
  </si>
  <si>
    <t>14218</t>
  </si>
  <si>
    <t>綾瀬市</t>
  </si>
  <si>
    <t>14301</t>
  </si>
  <si>
    <t>葉山町</t>
  </si>
  <si>
    <t>14321</t>
  </si>
  <si>
    <t>寒川町</t>
  </si>
  <si>
    <t>14341</t>
  </si>
  <si>
    <t>大磯町</t>
  </si>
  <si>
    <t>14342</t>
  </si>
  <si>
    <t>二宮町</t>
  </si>
  <si>
    <t>14361</t>
  </si>
  <si>
    <t>中井町</t>
  </si>
  <si>
    <t>14362</t>
  </si>
  <si>
    <t>大井町</t>
  </si>
  <si>
    <t>14363</t>
  </si>
  <si>
    <t>松田町</t>
  </si>
  <si>
    <t>14364</t>
  </si>
  <si>
    <t>山北町</t>
  </si>
  <si>
    <t>14366</t>
  </si>
  <si>
    <t>開成町</t>
  </si>
  <si>
    <t>14382</t>
  </si>
  <si>
    <t>箱根町</t>
  </si>
  <si>
    <t>14383</t>
  </si>
  <si>
    <t>真鶴町</t>
  </si>
  <si>
    <t>14384</t>
  </si>
  <si>
    <t>湯河原町</t>
  </si>
  <si>
    <t>14401</t>
  </si>
  <si>
    <t>愛川町</t>
  </si>
  <si>
    <t>14402</t>
  </si>
  <si>
    <t>清川村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.0_);[Red]\(0.0\)"/>
  </numFmts>
  <fonts count="8" x14ac:knownFonts="1">
    <font>
      <sz val="11"/>
      <color theme="1"/>
      <name val="游ゴシック"/>
      <family val="2"/>
      <scheme val="minor"/>
    </font>
    <font>
      <sz val="11"/>
      <color theme="1"/>
      <name val="游ゴシック"/>
      <family val="2"/>
      <scheme val="minor"/>
    </font>
    <font>
      <sz val="10"/>
      <color theme="1"/>
      <name val="ＭＳ Ｐゴシック"/>
      <family val="3"/>
      <charset val="128"/>
    </font>
    <font>
      <sz val="6"/>
      <name val="游ゴシック"/>
      <family val="3"/>
      <charset val="128"/>
      <scheme val="minor"/>
    </font>
    <font>
      <sz val="11"/>
      <color theme="1"/>
      <name val="ＭＳ Ｐゴシック"/>
      <family val="3"/>
      <charset val="128"/>
    </font>
    <font>
      <b/>
      <sz val="12"/>
      <color theme="1"/>
      <name val="ＭＳ Ｐゴシック"/>
      <family val="3"/>
      <charset val="128"/>
    </font>
    <font>
      <sz val="9"/>
      <color theme="1"/>
      <name val="ＭＳ Ｐゴシック"/>
      <family val="3"/>
      <charset val="128"/>
    </font>
    <font>
      <sz val="8"/>
      <color theme="1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rgb="FF66FFFF"/>
        <bgColor indexed="64"/>
      </patternFill>
    </fill>
    <fill>
      <patternFill patternType="solid">
        <fgColor rgb="FFFF99FF"/>
        <bgColor indexed="64"/>
      </patternFill>
    </fill>
  </fills>
  <borders count="42">
    <border>
      <left/>
      <right/>
      <top/>
      <bottom/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/>
      <top style="thin">
        <color indexed="64"/>
      </top>
      <bottom style="thin">
        <color indexed="64"/>
      </bottom>
      <diagonal/>
    </border>
    <border>
      <left/>
      <right style="medium">
        <color auto="1"/>
      </right>
      <top style="thin">
        <color indexed="64"/>
      </top>
      <bottom style="thin">
        <color indexed="64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auto="1"/>
      </left>
      <right/>
      <top/>
      <bottom style="medium">
        <color auto="1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/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 style="medium">
        <color indexed="64"/>
      </left>
      <right style="medium">
        <color indexed="64"/>
      </right>
      <top/>
      <bottom style="double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medium">
        <color indexed="64"/>
      </left>
      <right style="medium">
        <color indexed="64"/>
      </right>
      <top/>
      <bottom style="thin">
        <color auto="1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</borders>
  <cellStyleXfs count="2">
    <xf numFmtId="0" fontId="0" fillId="0" borderId="0"/>
    <xf numFmtId="9" fontId="1" fillId="0" borderId="0" applyFont="0" applyFill="0" applyBorder="0" applyAlignment="0" applyProtection="0">
      <alignment vertical="center"/>
    </xf>
  </cellStyleXfs>
  <cellXfs count="55">
    <xf numFmtId="0" fontId="0" fillId="0" borderId="0" xfId="0"/>
    <xf numFmtId="0" fontId="2" fillId="0" borderId="1" xfId="0" applyFont="1" applyBorder="1" applyAlignment="1">
      <alignment vertical="center"/>
    </xf>
    <xf numFmtId="0" fontId="4" fillId="0" borderId="2" xfId="0" applyFont="1" applyBorder="1" applyAlignment="1">
      <alignment vertical="center"/>
    </xf>
    <xf numFmtId="0" fontId="5" fillId="2" borderId="3" xfId="0" applyFont="1" applyFill="1" applyBorder="1" applyAlignment="1">
      <alignment vertical="center"/>
    </xf>
    <xf numFmtId="0" fontId="5" fillId="3" borderId="4" xfId="0" applyFont="1" applyFill="1" applyBorder="1" applyAlignment="1">
      <alignment vertical="center"/>
    </xf>
    <xf numFmtId="0" fontId="5" fillId="3" borderId="3" xfId="0" applyFont="1" applyFill="1" applyBorder="1" applyAlignment="1">
      <alignment vertical="center"/>
    </xf>
    <xf numFmtId="0" fontId="5" fillId="3" borderId="5" xfId="0" applyFont="1" applyFill="1" applyBorder="1" applyAlignment="1">
      <alignment vertical="center"/>
    </xf>
    <xf numFmtId="0" fontId="4" fillId="0" borderId="0" xfId="0" applyFont="1" applyAlignment="1">
      <alignment vertical="center"/>
    </xf>
    <xf numFmtId="0" fontId="6" fillId="0" borderId="6" xfId="0" applyFont="1" applyBorder="1" applyAlignment="1">
      <alignment vertical="center"/>
    </xf>
    <xf numFmtId="0" fontId="4" fillId="0" borderId="7" xfId="0" applyFont="1" applyBorder="1" applyAlignment="1">
      <alignment vertical="center"/>
    </xf>
    <xf numFmtId="0" fontId="4" fillId="0" borderId="1" xfId="0" applyFont="1" applyBorder="1" applyAlignment="1">
      <alignment vertical="center"/>
    </xf>
    <xf numFmtId="0" fontId="4" fillId="0" borderId="8" xfId="0" applyFont="1" applyBorder="1" applyAlignment="1">
      <alignment vertical="center"/>
    </xf>
    <xf numFmtId="0" fontId="4" fillId="0" borderId="9" xfId="0" applyFont="1" applyBorder="1" applyAlignment="1">
      <alignment vertical="center"/>
    </xf>
    <xf numFmtId="0" fontId="4" fillId="0" borderId="10" xfId="0" applyFont="1" applyBorder="1" applyAlignment="1">
      <alignment vertical="center"/>
    </xf>
    <xf numFmtId="0" fontId="4" fillId="0" borderId="11" xfId="0" applyFont="1" applyBorder="1" applyAlignment="1">
      <alignment vertical="center"/>
    </xf>
    <xf numFmtId="49" fontId="7" fillId="0" borderId="12" xfId="0" applyNumberFormat="1" applyFont="1" applyBorder="1" applyAlignment="1">
      <alignment vertical="center" shrinkToFit="1"/>
    </xf>
    <xf numFmtId="0" fontId="2" fillId="0" borderId="13" xfId="0" applyFont="1" applyBorder="1" applyAlignment="1">
      <alignment vertical="center" shrinkToFit="1"/>
    </xf>
    <xf numFmtId="0" fontId="2" fillId="0" borderId="14" xfId="0" applyFont="1" applyBorder="1" applyAlignment="1">
      <alignment horizontal="center" vertical="center" shrinkToFit="1"/>
    </xf>
    <xf numFmtId="0" fontId="2" fillId="0" borderId="15" xfId="0" applyFont="1" applyBorder="1" applyAlignment="1">
      <alignment horizontal="center" vertical="center" shrinkToFit="1"/>
    </xf>
    <xf numFmtId="0" fontId="2" fillId="0" borderId="16" xfId="0" applyFont="1" applyBorder="1" applyAlignment="1">
      <alignment horizontal="center" vertical="center" shrinkToFit="1"/>
    </xf>
    <xf numFmtId="0" fontId="2" fillId="0" borderId="17" xfId="0" applyFont="1" applyBorder="1" applyAlignment="1">
      <alignment horizontal="center" vertical="center" shrinkToFit="1"/>
    </xf>
    <xf numFmtId="0" fontId="2" fillId="0" borderId="18" xfId="0" applyFont="1" applyBorder="1" applyAlignment="1">
      <alignment horizontal="center" vertical="center" shrinkToFit="1"/>
    </xf>
    <xf numFmtId="0" fontId="2" fillId="0" borderId="19" xfId="0" applyFont="1" applyBorder="1" applyAlignment="1">
      <alignment horizontal="center" vertical="center" shrinkToFit="1"/>
    </xf>
    <xf numFmtId="0" fontId="2" fillId="0" borderId="20" xfId="0" applyFont="1" applyBorder="1" applyAlignment="1">
      <alignment horizontal="center" vertical="center" shrinkToFit="1"/>
    </xf>
    <xf numFmtId="0" fontId="2" fillId="0" borderId="21" xfId="0" applyFont="1" applyBorder="1" applyAlignment="1">
      <alignment horizontal="center" vertical="center" shrinkToFit="1"/>
    </xf>
    <xf numFmtId="0" fontId="2" fillId="0" borderId="0" xfId="0" applyFont="1" applyAlignment="1">
      <alignment vertical="center"/>
    </xf>
    <xf numFmtId="49" fontId="4" fillId="0" borderId="22" xfId="0" applyNumberFormat="1" applyFont="1" applyBorder="1"/>
    <xf numFmtId="0" fontId="4" fillId="0" borderId="23" xfId="0" applyFont="1" applyBorder="1"/>
    <xf numFmtId="176" fontId="4" fillId="0" borderId="24" xfId="1" applyNumberFormat="1" applyFont="1" applyFill="1" applyBorder="1" applyAlignment="1">
      <alignment vertical="center"/>
    </xf>
    <xf numFmtId="176" fontId="4" fillId="0" borderId="25" xfId="1" applyNumberFormat="1" applyFont="1" applyFill="1" applyBorder="1" applyAlignment="1">
      <alignment vertical="center"/>
    </xf>
    <xf numFmtId="176" fontId="4" fillId="0" borderId="26" xfId="1" applyNumberFormat="1" applyFont="1" applyFill="1" applyBorder="1" applyAlignment="1">
      <alignment vertical="center"/>
    </xf>
    <xf numFmtId="176" fontId="4" fillId="0" borderId="27" xfId="1" applyNumberFormat="1" applyFont="1" applyFill="1" applyBorder="1" applyAlignment="1">
      <alignment vertical="center"/>
    </xf>
    <xf numFmtId="176" fontId="4" fillId="0" borderId="23" xfId="1" applyNumberFormat="1" applyFont="1" applyFill="1" applyBorder="1" applyAlignment="1">
      <alignment vertical="center"/>
    </xf>
    <xf numFmtId="0" fontId="4" fillId="0" borderId="0" xfId="0" applyFont="1"/>
    <xf numFmtId="49" fontId="4" fillId="0" borderId="28" xfId="0" applyNumberFormat="1" applyFont="1" applyBorder="1"/>
    <xf numFmtId="0" fontId="4" fillId="0" borderId="29" xfId="0" applyFont="1" applyBorder="1"/>
    <xf numFmtId="176" fontId="4" fillId="0" borderId="30" xfId="1" applyNumberFormat="1" applyFont="1" applyFill="1" applyBorder="1" applyAlignment="1">
      <alignment vertical="center"/>
    </xf>
    <xf numFmtId="176" fontId="4" fillId="0" borderId="31" xfId="1" applyNumberFormat="1" applyFont="1" applyFill="1" applyBorder="1" applyAlignment="1">
      <alignment vertical="center"/>
    </xf>
    <xf numFmtId="176" fontId="4" fillId="0" borderId="32" xfId="1" applyNumberFormat="1" applyFont="1" applyFill="1" applyBorder="1" applyAlignment="1">
      <alignment vertical="center"/>
    </xf>
    <xf numFmtId="176" fontId="4" fillId="0" borderId="33" xfId="1" applyNumberFormat="1" applyFont="1" applyFill="1" applyBorder="1" applyAlignment="1">
      <alignment vertical="center"/>
    </xf>
    <xf numFmtId="176" fontId="4" fillId="0" borderId="29" xfId="1" applyNumberFormat="1" applyFont="1" applyFill="1" applyBorder="1" applyAlignment="1">
      <alignment vertical="center"/>
    </xf>
    <xf numFmtId="0" fontId="4" fillId="0" borderId="34" xfId="0" applyFont="1" applyBorder="1"/>
    <xf numFmtId="0" fontId="4" fillId="0" borderId="35" xfId="0" applyFont="1" applyBorder="1"/>
    <xf numFmtId="176" fontId="4" fillId="0" borderId="36" xfId="1" applyNumberFormat="1" applyFont="1" applyFill="1" applyBorder="1" applyAlignment="1">
      <alignment vertical="center"/>
    </xf>
    <xf numFmtId="176" fontId="4" fillId="0" borderId="37" xfId="1" applyNumberFormat="1" applyFont="1" applyFill="1" applyBorder="1" applyAlignment="1">
      <alignment vertical="center"/>
    </xf>
    <xf numFmtId="176" fontId="4" fillId="0" borderId="38" xfId="1" applyNumberFormat="1" applyFont="1" applyFill="1" applyBorder="1" applyAlignment="1">
      <alignment vertical="center"/>
    </xf>
    <xf numFmtId="176" fontId="4" fillId="0" borderId="39" xfId="1" applyNumberFormat="1" applyFont="1" applyFill="1" applyBorder="1" applyAlignment="1">
      <alignment vertical="center"/>
    </xf>
    <xf numFmtId="176" fontId="4" fillId="0" borderId="35" xfId="1" applyNumberFormat="1" applyFont="1" applyFill="1" applyBorder="1" applyAlignment="1">
      <alignment vertical="center"/>
    </xf>
    <xf numFmtId="0" fontId="4" fillId="0" borderId="18" xfId="0" applyFont="1" applyBorder="1"/>
    <xf numFmtId="0" fontId="4" fillId="0" borderId="20" xfId="0" applyFont="1" applyBorder="1"/>
    <xf numFmtId="176" fontId="4" fillId="0" borderId="40" xfId="1" applyNumberFormat="1" applyFont="1" applyFill="1" applyBorder="1" applyAlignment="1">
      <alignment vertical="center"/>
    </xf>
    <xf numFmtId="176" fontId="4" fillId="0" borderId="19" xfId="1" applyNumberFormat="1" applyFont="1" applyFill="1" applyBorder="1" applyAlignment="1">
      <alignment vertical="center"/>
    </xf>
    <xf numFmtId="176" fontId="4" fillId="0" borderId="41" xfId="1" applyNumberFormat="1" applyFont="1" applyFill="1" applyBorder="1" applyAlignment="1">
      <alignment vertical="center"/>
    </xf>
    <xf numFmtId="176" fontId="4" fillId="0" borderId="21" xfId="1" applyNumberFormat="1" applyFont="1" applyFill="1" applyBorder="1" applyAlignment="1">
      <alignment vertical="center"/>
    </xf>
    <xf numFmtId="176" fontId="4" fillId="0" borderId="20" xfId="1" applyNumberFormat="1" applyFont="1" applyFill="1" applyBorder="1" applyAlignment="1">
      <alignment vertical="center"/>
    </xf>
  </cellXfs>
  <cellStyles count="2">
    <cellStyle name="パーセント" xfId="1" builtinId="5"/>
    <cellStyle name="標準" xfId="0" builtinId="0"/>
  </cellStyles>
  <dxfs count="5490"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  <dxf>
      <fill>
        <patternFill>
          <bgColor rgb="FFFFCCCC"/>
        </patternFill>
      </fill>
    </dxf>
    <dxf>
      <fill>
        <patternFill>
          <bgColor rgb="FFCCECFF"/>
        </patternFill>
      </fill>
    </dxf>
    <dxf>
      <fill>
        <patternFill>
          <bgColor rgb="FFFFFFCC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F65"/>
  <sheetViews>
    <sheetView tabSelected="1" view="pageBreakPreview" topLeftCell="A7" zoomScale="60" zoomScaleNormal="100" workbookViewId="0">
      <selection activeCell="F9" sqref="F9"/>
    </sheetView>
  </sheetViews>
  <sheetFormatPr defaultColWidth="9" defaultRowHeight="13" x14ac:dyDescent="0.2"/>
  <cols>
    <col min="1" max="1" width="9" style="33"/>
    <col min="2" max="2" width="21.58203125" style="33" customWidth="1"/>
    <col min="3" max="32" width="7.5" style="33" customWidth="1"/>
    <col min="33" max="16384" width="9" style="33"/>
  </cols>
  <sheetData>
    <row r="1" spans="1:32" s="7" customFormat="1" ht="19.5" customHeight="1" thickBot="1" x14ac:dyDescent="0.6">
      <c r="A1" s="1" t="s">
        <v>0</v>
      </c>
      <c r="B1" s="2"/>
      <c r="C1" s="3" t="s">
        <v>1</v>
      </c>
      <c r="D1" s="3"/>
      <c r="E1" s="3"/>
      <c r="F1" s="3"/>
      <c r="G1" s="3"/>
      <c r="H1" s="3"/>
      <c r="I1" s="3"/>
      <c r="J1" s="3"/>
      <c r="K1" s="3"/>
      <c r="L1" s="3"/>
      <c r="M1" s="3"/>
      <c r="N1" s="3"/>
      <c r="O1" s="3"/>
      <c r="P1" s="3"/>
      <c r="Q1" s="3"/>
      <c r="R1" s="4" t="s">
        <v>2</v>
      </c>
      <c r="S1" s="5"/>
      <c r="T1" s="5"/>
      <c r="U1" s="5"/>
      <c r="V1" s="5"/>
      <c r="W1" s="5"/>
      <c r="X1" s="5"/>
      <c r="Y1" s="5"/>
      <c r="Z1" s="5"/>
      <c r="AA1" s="5"/>
      <c r="AB1" s="5"/>
      <c r="AC1" s="5"/>
      <c r="AD1" s="5"/>
      <c r="AE1" s="5"/>
      <c r="AF1" s="6"/>
    </row>
    <row r="2" spans="1:32" s="7" customFormat="1" ht="20.149999999999999" customHeight="1" x14ac:dyDescent="0.55000000000000004">
      <c r="A2" s="8" t="s">
        <v>3</v>
      </c>
      <c r="B2" s="9"/>
      <c r="C2" s="10" t="s">
        <v>4</v>
      </c>
      <c r="D2" s="11"/>
      <c r="E2" s="11"/>
      <c r="F2" s="11"/>
      <c r="G2" s="11"/>
      <c r="H2" s="11"/>
      <c r="I2" s="11"/>
      <c r="J2" s="11"/>
      <c r="K2" s="11"/>
      <c r="L2" s="11"/>
      <c r="M2" s="11"/>
      <c r="N2" s="11"/>
      <c r="O2" s="11"/>
      <c r="P2" s="11"/>
      <c r="Q2" s="2"/>
      <c r="R2" s="12" t="s">
        <v>4</v>
      </c>
      <c r="S2" s="13"/>
      <c r="T2" s="13"/>
      <c r="U2" s="13"/>
      <c r="V2" s="13"/>
      <c r="W2" s="13"/>
      <c r="X2" s="13"/>
      <c r="Y2" s="13"/>
      <c r="Z2" s="13"/>
      <c r="AA2" s="13"/>
      <c r="AB2" s="13"/>
      <c r="AC2" s="13"/>
      <c r="AD2" s="13"/>
      <c r="AE2" s="13"/>
      <c r="AF2" s="14"/>
    </row>
    <row r="3" spans="1:32" s="25" customFormat="1" ht="20.149999999999999" customHeight="1" thickBot="1" x14ac:dyDescent="0.6">
      <c r="A3" s="15" t="s">
        <v>5</v>
      </c>
      <c r="B3" s="16" t="s">
        <v>6</v>
      </c>
      <c r="C3" s="17" t="s">
        <v>7</v>
      </c>
      <c r="D3" s="18" t="s">
        <v>8</v>
      </c>
      <c r="E3" s="18" t="s">
        <v>9</v>
      </c>
      <c r="F3" s="18" t="s">
        <v>10</v>
      </c>
      <c r="G3" s="18" t="s">
        <v>11</v>
      </c>
      <c r="H3" s="18" t="s">
        <v>12</v>
      </c>
      <c r="I3" s="18" t="s">
        <v>13</v>
      </c>
      <c r="J3" s="18" t="s">
        <v>14</v>
      </c>
      <c r="K3" s="18" t="s">
        <v>15</v>
      </c>
      <c r="L3" s="18" t="s">
        <v>16</v>
      </c>
      <c r="M3" s="18" t="s">
        <v>17</v>
      </c>
      <c r="N3" s="18" t="s">
        <v>18</v>
      </c>
      <c r="O3" s="18" t="s">
        <v>19</v>
      </c>
      <c r="P3" s="19" t="s">
        <v>20</v>
      </c>
      <c r="Q3" s="20" t="s">
        <v>21</v>
      </c>
      <c r="R3" s="21" t="s">
        <v>7</v>
      </c>
      <c r="S3" s="22" t="s">
        <v>8</v>
      </c>
      <c r="T3" s="22" t="s">
        <v>9</v>
      </c>
      <c r="U3" s="22" t="s">
        <v>10</v>
      </c>
      <c r="V3" s="22" t="s">
        <v>11</v>
      </c>
      <c r="W3" s="22" t="s">
        <v>12</v>
      </c>
      <c r="X3" s="22" t="s">
        <v>13</v>
      </c>
      <c r="Y3" s="22" t="s">
        <v>14</v>
      </c>
      <c r="Z3" s="22" t="s">
        <v>15</v>
      </c>
      <c r="AA3" s="22" t="s">
        <v>16</v>
      </c>
      <c r="AB3" s="22" t="s">
        <v>17</v>
      </c>
      <c r="AC3" s="22" t="s">
        <v>18</v>
      </c>
      <c r="AD3" s="22" t="s">
        <v>19</v>
      </c>
      <c r="AE3" s="23" t="s">
        <v>20</v>
      </c>
      <c r="AF3" s="24" t="s">
        <v>21</v>
      </c>
    </row>
    <row r="4" spans="1:32" ht="15.75" customHeight="1" thickBot="1" x14ac:dyDescent="0.25">
      <c r="A4" s="26">
        <v>14000</v>
      </c>
      <c r="B4" s="27" t="s">
        <v>22</v>
      </c>
      <c r="C4" s="28">
        <v>95.130338823052554</v>
      </c>
      <c r="D4" s="29">
        <v>93.634230802735672</v>
      </c>
      <c r="E4" s="29">
        <v>113.4431014475481</v>
      </c>
      <c r="F4" s="29">
        <v>95.273211041891429</v>
      </c>
      <c r="G4" s="29">
        <v>82.468465647123537</v>
      </c>
      <c r="H4" s="29">
        <v>96.730853662563348</v>
      </c>
      <c r="I4" s="29">
        <v>100.81573324547661</v>
      </c>
      <c r="J4" s="29">
        <v>90.346544382556772</v>
      </c>
      <c r="K4" s="29">
        <v>108.839220425338</v>
      </c>
      <c r="L4" s="29">
        <v>102.31649524334124</v>
      </c>
      <c r="M4" s="29">
        <v>93.840823727363443</v>
      </c>
      <c r="N4" s="29">
        <v>90.12453853990101</v>
      </c>
      <c r="O4" s="29">
        <v>80.76971276144296</v>
      </c>
      <c r="P4" s="30">
        <v>100.561777748778</v>
      </c>
      <c r="Q4" s="31">
        <v>96.745302838435123</v>
      </c>
      <c r="R4" s="28">
        <v>91.374426167261021</v>
      </c>
      <c r="S4" s="29">
        <v>88.338938589867723</v>
      </c>
      <c r="T4" s="29">
        <v>107.43033404097056</v>
      </c>
      <c r="U4" s="29">
        <v>83.976969642076128</v>
      </c>
      <c r="V4" s="29">
        <v>83.830945581141464</v>
      </c>
      <c r="W4" s="29">
        <v>86.732986333142478</v>
      </c>
      <c r="X4" s="29">
        <v>95.498061816826194</v>
      </c>
      <c r="Y4" s="29">
        <v>88.570185956964636</v>
      </c>
      <c r="Z4" s="29">
        <v>104.49354250166128</v>
      </c>
      <c r="AA4" s="29">
        <v>92.838531534248489</v>
      </c>
      <c r="AB4" s="29">
        <v>96.279091281823881</v>
      </c>
      <c r="AC4" s="29">
        <v>94.902592178406081</v>
      </c>
      <c r="AD4" s="29">
        <v>87.951500701402566</v>
      </c>
      <c r="AE4" s="32">
        <v>98.528922415066802</v>
      </c>
      <c r="AF4" s="31">
        <v>96.240308427952357</v>
      </c>
    </row>
    <row r="5" spans="1:32" ht="15.75" customHeight="1" thickTop="1" x14ac:dyDescent="0.2">
      <c r="A5" s="34">
        <v>14100</v>
      </c>
      <c r="B5" s="35" t="s">
        <v>23</v>
      </c>
      <c r="C5" s="36">
        <v>99.756631740476436</v>
      </c>
      <c r="D5" s="37">
        <v>101.09403002832808</v>
      </c>
      <c r="E5" s="37">
        <v>99.810539189912774</v>
      </c>
      <c r="F5" s="37">
        <v>101.20708919580174</v>
      </c>
      <c r="G5" s="37">
        <v>95.531735496790375</v>
      </c>
      <c r="H5" s="37">
        <v>107.15215607394065</v>
      </c>
      <c r="I5" s="37">
        <v>103.50834131977989</v>
      </c>
      <c r="J5" s="37">
        <v>101.86895650819548</v>
      </c>
      <c r="K5" s="37">
        <v>105.51477010010311</v>
      </c>
      <c r="L5" s="37">
        <v>108.25150220190902</v>
      </c>
      <c r="M5" s="37">
        <v>103.71694228301715</v>
      </c>
      <c r="N5" s="37">
        <v>107.79236852588575</v>
      </c>
      <c r="O5" s="37">
        <v>99.217686600996757</v>
      </c>
      <c r="P5" s="38">
        <v>102.28965630869595</v>
      </c>
      <c r="Q5" s="39">
        <v>102.43829826118274</v>
      </c>
      <c r="R5" s="36">
        <v>94.373557069989502</v>
      </c>
      <c r="S5" s="37">
        <v>98.760296064124645</v>
      </c>
      <c r="T5" s="37">
        <v>101.4506668494307</v>
      </c>
      <c r="U5" s="37">
        <v>82.250109045149216</v>
      </c>
      <c r="V5" s="37">
        <v>92.870111552288165</v>
      </c>
      <c r="W5" s="37">
        <v>108.61112415720964</v>
      </c>
      <c r="X5" s="37">
        <v>100.69668182248148</v>
      </c>
      <c r="Y5" s="37">
        <v>98.449940385137168</v>
      </c>
      <c r="Z5" s="37">
        <v>105.04969754949852</v>
      </c>
      <c r="AA5" s="37">
        <v>101.67743610485354</v>
      </c>
      <c r="AB5" s="37">
        <v>100.65264378850105</v>
      </c>
      <c r="AC5" s="37">
        <v>103.66623494701476</v>
      </c>
      <c r="AD5" s="37">
        <v>98.93218738748493</v>
      </c>
      <c r="AE5" s="40">
        <v>101.58724501410606</v>
      </c>
      <c r="AF5" s="39">
        <v>101.03488114054613</v>
      </c>
    </row>
    <row r="6" spans="1:32" ht="15.75" customHeight="1" x14ac:dyDescent="0.2">
      <c r="A6" s="41" t="s">
        <v>24</v>
      </c>
      <c r="B6" s="42" t="s">
        <v>25</v>
      </c>
      <c r="C6" s="43">
        <v>109.94184235293596</v>
      </c>
      <c r="D6" s="44">
        <v>104.09536808437545</v>
      </c>
      <c r="E6" s="44">
        <v>73.24200859535938</v>
      </c>
      <c r="F6" s="44">
        <v>109.34108235350375</v>
      </c>
      <c r="G6" s="44">
        <v>95.044918993885446</v>
      </c>
      <c r="H6" s="44">
        <v>120.6645473619169</v>
      </c>
      <c r="I6" s="44">
        <v>102.92381137087689</v>
      </c>
      <c r="J6" s="44">
        <v>140.9922975877549</v>
      </c>
      <c r="K6" s="44">
        <v>147.35913634300263</v>
      </c>
      <c r="L6" s="44">
        <v>140.49253573126296</v>
      </c>
      <c r="M6" s="44">
        <v>102.45734967414596</v>
      </c>
      <c r="N6" s="44">
        <v>129.67382204811233</v>
      </c>
      <c r="O6" s="44">
        <v>81.206573443486263</v>
      </c>
      <c r="P6" s="45">
        <v>107.62320404749126</v>
      </c>
      <c r="Q6" s="46">
        <v>106.75657030990969</v>
      </c>
      <c r="R6" s="43">
        <v>115.95956935984648</v>
      </c>
      <c r="S6" s="44">
        <v>107.27708727467265</v>
      </c>
      <c r="T6" s="44">
        <v>88.3199646263066</v>
      </c>
      <c r="U6" s="44">
        <v>116.42047402451084</v>
      </c>
      <c r="V6" s="44">
        <v>85.536393351045632</v>
      </c>
      <c r="W6" s="44">
        <v>62.513894365669955</v>
      </c>
      <c r="X6" s="44">
        <v>98.675261015610886</v>
      </c>
      <c r="Y6" s="44">
        <v>132.11185828044387</v>
      </c>
      <c r="Z6" s="44">
        <v>180.22841606853748</v>
      </c>
      <c r="AA6" s="44">
        <v>176.39305718481478</v>
      </c>
      <c r="AB6" s="44">
        <v>114.40613068088471</v>
      </c>
      <c r="AC6" s="44">
        <v>115.94727254872849</v>
      </c>
      <c r="AD6" s="44">
        <v>90.106544730850828</v>
      </c>
      <c r="AE6" s="47">
        <v>108.11715952189547</v>
      </c>
      <c r="AF6" s="46">
        <v>108.82623367588435</v>
      </c>
    </row>
    <row r="7" spans="1:32" ht="15.75" customHeight="1" x14ac:dyDescent="0.2">
      <c r="A7" s="41" t="s">
        <v>26</v>
      </c>
      <c r="B7" s="42" t="s">
        <v>27</v>
      </c>
      <c r="C7" s="43">
        <v>100.16061010579483</v>
      </c>
      <c r="D7" s="44">
        <v>108.91346557540366</v>
      </c>
      <c r="E7" s="44">
        <v>106.49399752071314</v>
      </c>
      <c r="F7" s="44">
        <v>85.229629399680263</v>
      </c>
      <c r="G7" s="44">
        <v>80.269834373460242</v>
      </c>
      <c r="H7" s="44">
        <v>189.92556226286041</v>
      </c>
      <c r="I7" s="44">
        <v>89.520118607472838</v>
      </c>
      <c r="J7" s="44">
        <v>92.006853396909207</v>
      </c>
      <c r="K7" s="44">
        <v>119.93582946529601</v>
      </c>
      <c r="L7" s="44">
        <v>123.41198914294965</v>
      </c>
      <c r="M7" s="44">
        <v>93.61428191100525</v>
      </c>
      <c r="N7" s="44">
        <v>112.13567282938033</v>
      </c>
      <c r="O7" s="44">
        <v>101.2647038416661</v>
      </c>
      <c r="P7" s="45">
        <v>102.01060010354017</v>
      </c>
      <c r="Q7" s="46">
        <v>101.56293232626432</v>
      </c>
      <c r="R7" s="43">
        <v>97.395606071945011</v>
      </c>
      <c r="S7" s="44">
        <v>99.794512291915481</v>
      </c>
      <c r="T7" s="44">
        <v>109.53647119149983</v>
      </c>
      <c r="U7" s="44">
        <v>89.46045216151461</v>
      </c>
      <c r="V7" s="44">
        <v>87.004944597236303</v>
      </c>
      <c r="W7" s="44">
        <v>124.50405215695135</v>
      </c>
      <c r="X7" s="44">
        <v>114.23552271216688</v>
      </c>
      <c r="Y7" s="44">
        <v>87.970458506305121</v>
      </c>
      <c r="Z7" s="44">
        <v>133.08491619738464</v>
      </c>
      <c r="AA7" s="44">
        <v>72.371988564353387</v>
      </c>
      <c r="AB7" s="44">
        <v>107.0259401299502</v>
      </c>
      <c r="AC7" s="44">
        <v>100.73999698034396</v>
      </c>
      <c r="AD7" s="44">
        <v>106.48866364291668</v>
      </c>
      <c r="AE7" s="47">
        <v>96.474189992243183</v>
      </c>
      <c r="AF7" s="46">
        <v>100.34580376362777</v>
      </c>
    </row>
    <row r="8" spans="1:32" ht="15.75" customHeight="1" x14ac:dyDescent="0.2">
      <c r="A8" s="41" t="s">
        <v>28</v>
      </c>
      <c r="B8" s="42" t="s">
        <v>29</v>
      </c>
      <c r="C8" s="43">
        <v>99.702665322200431</v>
      </c>
      <c r="D8" s="44">
        <v>101.68410821411666</v>
      </c>
      <c r="E8" s="44">
        <v>106.81984674987588</v>
      </c>
      <c r="F8" s="44">
        <v>78.093567270159795</v>
      </c>
      <c r="G8" s="44">
        <v>93.003633597378254</v>
      </c>
      <c r="H8" s="44">
        <v>115.49190187662754</v>
      </c>
      <c r="I8" s="44">
        <v>126.23874399230895</v>
      </c>
      <c r="J8" s="44">
        <v>103.71306055007719</v>
      </c>
      <c r="K8" s="44">
        <v>103.48412934550332</v>
      </c>
      <c r="L8" s="44">
        <v>141.94239812748725</v>
      </c>
      <c r="M8" s="44">
        <v>115.52231837007051</v>
      </c>
      <c r="N8" s="44">
        <v>98.224460039584329</v>
      </c>
      <c r="O8" s="44">
        <v>89.744649007421813</v>
      </c>
      <c r="P8" s="45">
        <v>97.181964103458597</v>
      </c>
      <c r="Q8" s="46">
        <v>100.65128879765584</v>
      </c>
      <c r="R8" s="43">
        <v>77.897501637055768</v>
      </c>
      <c r="S8" s="44">
        <v>95.379166370026226</v>
      </c>
      <c r="T8" s="44">
        <v>185.4293017454022</v>
      </c>
      <c r="U8" s="44">
        <v>84.673792612617206</v>
      </c>
      <c r="V8" s="44">
        <v>99.069435984316257</v>
      </c>
      <c r="W8" s="44">
        <v>193.77867983749758</v>
      </c>
      <c r="X8" s="44">
        <v>27.564677183461292</v>
      </c>
      <c r="Y8" s="44">
        <v>115.73646041395847</v>
      </c>
      <c r="Z8" s="44">
        <v>89.331316890691141</v>
      </c>
      <c r="AA8" s="44">
        <v>59.319165068665349</v>
      </c>
      <c r="AB8" s="44">
        <v>90.698530139200088</v>
      </c>
      <c r="AC8" s="44">
        <v>104.49799581772793</v>
      </c>
      <c r="AD8" s="44">
        <v>89.4846744205513</v>
      </c>
      <c r="AE8" s="47">
        <v>93.989376804848632</v>
      </c>
      <c r="AF8" s="46">
        <v>96.440486991261253</v>
      </c>
    </row>
    <row r="9" spans="1:32" ht="15.75" customHeight="1" x14ac:dyDescent="0.2">
      <c r="A9" s="41" t="s">
        <v>30</v>
      </c>
      <c r="B9" s="42" t="s">
        <v>31</v>
      </c>
      <c r="C9" s="43">
        <v>101.80613982714566</v>
      </c>
      <c r="D9" s="44">
        <v>95.534784113099747</v>
      </c>
      <c r="E9" s="44">
        <v>114.20523310578467</v>
      </c>
      <c r="F9" s="44">
        <v>137.58488965752909</v>
      </c>
      <c r="G9" s="44">
        <v>113.77913295726975</v>
      </c>
      <c r="H9" s="44">
        <v>57.8445228013655</v>
      </c>
      <c r="I9" s="44">
        <v>53.66785717648694</v>
      </c>
      <c r="J9" s="44">
        <v>71.554313682750617</v>
      </c>
      <c r="K9" s="44">
        <v>107.77758561892971</v>
      </c>
      <c r="L9" s="44">
        <v>98.932687513326655</v>
      </c>
      <c r="M9" s="44">
        <v>110.60223256750118</v>
      </c>
      <c r="N9" s="44">
        <v>117.10658725071754</v>
      </c>
      <c r="O9" s="44">
        <v>67.568898068895976</v>
      </c>
      <c r="P9" s="45">
        <v>93.717848129156749</v>
      </c>
      <c r="Q9" s="46">
        <v>95.62876532807698</v>
      </c>
      <c r="R9" s="43">
        <v>92.441402655738003</v>
      </c>
      <c r="S9" s="44">
        <v>92.797211773524992</v>
      </c>
      <c r="T9" s="44">
        <v>107.66456582505761</v>
      </c>
      <c r="U9" s="44">
        <v>88.780804487358154</v>
      </c>
      <c r="V9" s="44">
        <v>145.08654662194019</v>
      </c>
      <c r="W9" s="44">
        <v>65.366066584525214</v>
      </c>
      <c r="X9" s="44">
        <v>127.84272136929195</v>
      </c>
      <c r="Y9" s="44">
        <v>102.72277407707816</v>
      </c>
      <c r="Z9" s="44">
        <v>140.50348993994967</v>
      </c>
      <c r="AA9" s="44">
        <v>29.667674530746151</v>
      </c>
      <c r="AB9" s="44">
        <v>94.549045787331082</v>
      </c>
      <c r="AC9" s="44">
        <v>103.79476149697453</v>
      </c>
      <c r="AD9" s="44">
        <v>60.749170158416582</v>
      </c>
      <c r="AE9" s="47">
        <v>97.114857795914219</v>
      </c>
      <c r="AF9" s="46">
        <v>94.159882537637571</v>
      </c>
    </row>
    <row r="10" spans="1:32" ht="15.75" customHeight="1" x14ac:dyDescent="0.2">
      <c r="A10" s="41" t="s">
        <v>32</v>
      </c>
      <c r="B10" s="42" t="s">
        <v>33</v>
      </c>
      <c r="C10" s="43">
        <v>108.88765934066485</v>
      </c>
      <c r="D10" s="44">
        <v>103.44188568873859</v>
      </c>
      <c r="E10" s="44">
        <v>100.36931688250641</v>
      </c>
      <c r="F10" s="44">
        <v>76.612118453636242</v>
      </c>
      <c r="G10" s="44">
        <v>94.384283524706916</v>
      </c>
      <c r="H10" s="44">
        <v>126.76416462649769</v>
      </c>
      <c r="I10" s="44">
        <v>87.553130648743192</v>
      </c>
      <c r="J10" s="44">
        <v>136.24212997605568</v>
      </c>
      <c r="K10" s="44">
        <v>117.66336774235367</v>
      </c>
      <c r="L10" s="44">
        <v>118.53368451172629</v>
      </c>
      <c r="M10" s="44">
        <v>108.11866118441627</v>
      </c>
      <c r="N10" s="44">
        <v>108.5261618701378</v>
      </c>
      <c r="O10" s="44">
        <v>87.56755783747802</v>
      </c>
      <c r="P10" s="45">
        <v>109.91780775972926</v>
      </c>
      <c r="Q10" s="46">
        <v>107.85429924094031</v>
      </c>
      <c r="R10" s="43">
        <v>99.024268182215607</v>
      </c>
      <c r="S10" s="44">
        <v>102.58820436135439</v>
      </c>
      <c r="T10" s="44">
        <v>98.232081148678716</v>
      </c>
      <c r="U10" s="44">
        <v>103.48811360173616</v>
      </c>
      <c r="V10" s="44">
        <v>91.108863109331253</v>
      </c>
      <c r="W10" s="44">
        <v>72.702163079049555</v>
      </c>
      <c r="X10" s="44">
        <v>139.22097253208358</v>
      </c>
      <c r="Y10" s="44">
        <v>104.55771418431264</v>
      </c>
      <c r="Z10" s="44">
        <v>81.463372388732864</v>
      </c>
      <c r="AA10" s="44">
        <v>170.59164688039633</v>
      </c>
      <c r="AB10" s="44">
        <v>106.6610129511931</v>
      </c>
      <c r="AC10" s="44">
        <v>106.82992026992869</v>
      </c>
      <c r="AD10" s="44">
        <v>90.679827181639411</v>
      </c>
      <c r="AE10" s="47">
        <v>103.86624935919758</v>
      </c>
      <c r="AF10" s="46">
        <v>103.12570671031085</v>
      </c>
    </row>
    <row r="11" spans="1:32" ht="15.75" customHeight="1" x14ac:dyDescent="0.2">
      <c r="A11" s="41" t="s">
        <v>34</v>
      </c>
      <c r="B11" s="42" t="s">
        <v>35</v>
      </c>
      <c r="C11" s="43">
        <v>102.70318796255825</v>
      </c>
      <c r="D11" s="44">
        <v>109.94503883151235</v>
      </c>
      <c r="E11" s="44">
        <v>101.74991508050215</v>
      </c>
      <c r="F11" s="44">
        <v>92.775621747313693</v>
      </c>
      <c r="G11" s="44">
        <v>109.3391212215837</v>
      </c>
      <c r="H11" s="44">
        <v>50.272840450281436</v>
      </c>
      <c r="I11" s="44">
        <v>65.895647882583518</v>
      </c>
      <c r="J11" s="44">
        <v>83.009606548901544</v>
      </c>
      <c r="K11" s="44">
        <v>98.893365057143996</v>
      </c>
      <c r="L11" s="44">
        <v>66.130112636422737</v>
      </c>
      <c r="M11" s="44">
        <v>115.54454707788649</v>
      </c>
      <c r="N11" s="44">
        <v>102.59978157096833</v>
      </c>
      <c r="O11" s="44">
        <v>119.29070789116466</v>
      </c>
      <c r="P11" s="45">
        <v>103.75464241715223</v>
      </c>
      <c r="Q11" s="46">
        <v>105.74534121579227</v>
      </c>
      <c r="R11" s="43">
        <v>92.426656266342931</v>
      </c>
      <c r="S11" s="44">
        <v>107.53351912390295</v>
      </c>
      <c r="T11" s="44">
        <v>96.786933979891089</v>
      </c>
      <c r="U11" s="44">
        <v>71.60692375572998</v>
      </c>
      <c r="V11" s="44">
        <v>81.872106465335662</v>
      </c>
      <c r="W11" s="44">
        <v>68.506088996350698</v>
      </c>
      <c r="X11" s="44">
        <v>96.865208779887666</v>
      </c>
      <c r="Y11" s="44">
        <v>70.585504211454435</v>
      </c>
      <c r="Z11" s="44">
        <v>88.634480939665849</v>
      </c>
      <c r="AA11" s="44">
        <v>81.626052159628969</v>
      </c>
      <c r="AB11" s="44">
        <v>98.82341641562212</v>
      </c>
      <c r="AC11" s="44">
        <v>108.86482083420258</v>
      </c>
      <c r="AD11" s="44">
        <v>112.46106049511226</v>
      </c>
      <c r="AE11" s="47">
        <v>98.275517398649512</v>
      </c>
      <c r="AF11" s="46">
        <v>100.39952169682839</v>
      </c>
    </row>
    <row r="12" spans="1:32" ht="15.75" customHeight="1" x14ac:dyDescent="0.2">
      <c r="A12" s="41" t="s">
        <v>36</v>
      </c>
      <c r="B12" s="42" t="s">
        <v>37</v>
      </c>
      <c r="C12" s="43">
        <v>113.63525162367129</v>
      </c>
      <c r="D12" s="44">
        <v>106.00549529015946</v>
      </c>
      <c r="E12" s="44">
        <v>104.29231118644883</v>
      </c>
      <c r="F12" s="44">
        <v>124.81607856787127</v>
      </c>
      <c r="G12" s="44">
        <v>86.075000831200626</v>
      </c>
      <c r="H12" s="44">
        <v>146.30515640938083</v>
      </c>
      <c r="I12" s="44">
        <v>161.73178343177324</v>
      </c>
      <c r="J12" s="44">
        <v>115.25038932195334</v>
      </c>
      <c r="K12" s="44">
        <v>92.709523248084196</v>
      </c>
      <c r="L12" s="44">
        <v>89.00471183289595</v>
      </c>
      <c r="M12" s="44">
        <v>94.766123205779223</v>
      </c>
      <c r="N12" s="44">
        <v>118.32845431731391</v>
      </c>
      <c r="O12" s="44">
        <v>100.17149857183141</v>
      </c>
      <c r="P12" s="45">
        <v>98.733344722024285</v>
      </c>
      <c r="Q12" s="46">
        <v>101.20820802165284</v>
      </c>
      <c r="R12" s="43">
        <v>97.730983701792823</v>
      </c>
      <c r="S12" s="44">
        <v>102.03086064277876</v>
      </c>
      <c r="T12" s="44">
        <v>104.2091073833336</v>
      </c>
      <c r="U12" s="44">
        <v>105.66338088030528</v>
      </c>
      <c r="V12" s="44">
        <v>71.175916288208228</v>
      </c>
      <c r="W12" s="44">
        <v>55.514065103252719</v>
      </c>
      <c r="X12" s="44">
        <v>63.920723778274208</v>
      </c>
      <c r="Y12" s="44">
        <v>124.76104119820569</v>
      </c>
      <c r="Z12" s="44">
        <v>56.239654979570126</v>
      </c>
      <c r="AA12" s="44">
        <v>149.54349157854111</v>
      </c>
      <c r="AB12" s="44">
        <v>99.531586480472058</v>
      </c>
      <c r="AC12" s="44">
        <v>105.49580543552861</v>
      </c>
      <c r="AD12" s="44">
        <v>94.94144623494563</v>
      </c>
      <c r="AE12" s="47">
        <v>101.01198969169462</v>
      </c>
      <c r="AF12" s="46">
        <v>100.55189673735877</v>
      </c>
    </row>
    <row r="13" spans="1:32" ht="15.75" customHeight="1" x14ac:dyDescent="0.2">
      <c r="A13" s="41" t="s">
        <v>38</v>
      </c>
      <c r="B13" s="42" t="s">
        <v>39</v>
      </c>
      <c r="C13" s="43">
        <v>107.52409613188506</v>
      </c>
      <c r="D13" s="44">
        <v>100.29459320656026</v>
      </c>
      <c r="E13" s="44">
        <v>98.753543345925181</v>
      </c>
      <c r="F13" s="44">
        <v>88.544296683050675</v>
      </c>
      <c r="G13" s="44">
        <v>92.032921205747954</v>
      </c>
      <c r="H13" s="44">
        <v>73.700647141647536</v>
      </c>
      <c r="I13" s="44">
        <v>166.924432703305</v>
      </c>
      <c r="J13" s="44">
        <v>129.65858549419028</v>
      </c>
      <c r="K13" s="44">
        <v>134.78551085383742</v>
      </c>
      <c r="L13" s="44">
        <v>122.53425013265908</v>
      </c>
      <c r="M13" s="44">
        <v>110.37312630801725</v>
      </c>
      <c r="N13" s="44">
        <v>110.71714653326872</v>
      </c>
      <c r="O13" s="44">
        <v>100.84041230245265</v>
      </c>
      <c r="P13" s="45">
        <v>102.61019337713782</v>
      </c>
      <c r="Q13" s="46">
        <v>106.22718926158115</v>
      </c>
      <c r="R13" s="43">
        <v>105.10566184275261</v>
      </c>
      <c r="S13" s="44">
        <v>97.470484909589189</v>
      </c>
      <c r="T13" s="44">
        <v>99.043690644249494</v>
      </c>
      <c r="U13" s="44">
        <v>60.9795228293452</v>
      </c>
      <c r="V13" s="44">
        <v>95.23863508996422</v>
      </c>
      <c r="W13" s="44">
        <v>174.79697612816639</v>
      </c>
      <c r="X13" s="44">
        <v>201.7870843515295</v>
      </c>
      <c r="Y13" s="44">
        <v>72.426392001459945</v>
      </c>
      <c r="Z13" s="44">
        <v>70.529038534039387</v>
      </c>
      <c r="AA13" s="44">
        <v>40.245469487946899</v>
      </c>
      <c r="AB13" s="44">
        <v>96.243699414623535</v>
      </c>
      <c r="AC13" s="44">
        <v>105.63002210881756</v>
      </c>
      <c r="AD13" s="44">
        <v>110.20453271185708</v>
      </c>
      <c r="AE13" s="47">
        <v>102.91143035198466</v>
      </c>
      <c r="AF13" s="46">
        <v>102.40212077117023</v>
      </c>
    </row>
    <row r="14" spans="1:32" ht="15.75" customHeight="1" x14ac:dyDescent="0.2">
      <c r="A14" s="41" t="s">
        <v>40</v>
      </c>
      <c r="B14" s="42" t="s">
        <v>41</v>
      </c>
      <c r="C14" s="43">
        <v>100.22352077564085</v>
      </c>
      <c r="D14" s="44">
        <v>93.055927296902027</v>
      </c>
      <c r="E14" s="44">
        <v>106.19669394141373</v>
      </c>
      <c r="F14" s="44">
        <v>81.212859923748923</v>
      </c>
      <c r="G14" s="44">
        <v>81.633803309294663</v>
      </c>
      <c r="H14" s="44">
        <v>36.877859817335427</v>
      </c>
      <c r="I14" s="44">
        <v>149.74615312787284</v>
      </c>
      <c r="J14" s="44">
        <v>91.351754015065637</v>
      </c>
      <c r="K14" s="44">
        <v>116.74738843539967</v>
      </c>
      <c r="L14" s="44">
        <v>154.71256864271152</v>
      </c>
      <c r="M14" s="44">
        <v>108.93449217350653</v>
      </c>
      <c r="N14" s="44">
        <v>98.712788032526376</v>
      </c>
      <c r="O14" s="44">
        <v>93.294646001323784</v>
      </c>
      <c r="P14" s="45">
        <v>99.365311743522838</v>
      </c>
      <c r="Q14" s="46">
        <v>101.23647462654208</v>
      </c>
      <c r="R14" s="43">
        <v>79.390139379645575</v>
      </c>
      <c r="S14" s="44">
        <v>95.376352538890927</v>
      </c>
      <c r="T14" s="44">
        <v>104.5119638009902</v>
      </c>
      <c r="U14" s="44">
        <v>78.237508519503791</v>
      </c>
      <c r="V14" s="44">
        <v>82.159107834065665</v>
      </c>
      <c r="W14" s="44">
        <v>118.92748802167014</v>
      </c>
      <c r="X14" s="44">
        <v>87.51852244919246</v>
      </c>
      <c r="Y14" s="44">
        <v>76.613960285476594</v>
      </c>
      <c r="Z14" s="44">
        <v>92.239348974403711</v>
      </c>
      <c r="AA14" s="44">
        <v>148.82622724913887</v>
      </c>
      <c r="AB14" s="44">
        <v>96.943480191881918</v>
      </c>
      <c r="AC14" s="44">
        <v>104.12163968484104</v>
      </c>
      <c r="AD14" s="44">
        <v>107.92943242431053</v>
      </c>
      <c r="AE14" s="47">
        <v>99.628684235796015</v>
      </c>
      <c r="AF14" s="46">
        <v>99.339796768590134</v>
      </c>
    </row>
    <row r="15" spans="1:32" ht="15.75" customHeight="1" x14ac:dyDescent="0.2">
      <c r="A15" s="41" t="s">
        <v>42</v>
      </c>
      <c r="B15" s="42" t="s">
        <v>43</v>
      </c>
      <c r="C15" s="43">
        <v>98.875992719226645</v>
      </c>
      <c r="D15" s="44">
        <v>92.415767924711744</v>
      </c>
      <c r="E15" s="44">
        <v>90.027893864841417</v>
      </c>
      <c r="F15" s="44">
        <v>119.0298608664425</v>
      </c>
      <c r="G15" s="44">
        <v>93.76335029454232</v>
      </c>
      <c r="H15" s="44">
        <v>123.10252195268583</v>
      </c>
      <c r="I15" s="44">
        <v>119.58796209230889</v>
      </c>
      <c r="J15" s="44">
        <v>112.90763879966029</v>
      </c>
      <c r="K15" s="44">
        <v>93.555018508679666</v>
      </c>
      <c r="L15" s="44">
        <v>89.908228397245495</v>
      </c>
      <c r="M15" s="44">
        <v>101.32260974949649</v>
      </c>
      <c r="N15" s="44">
        <v>113.26527258145956</v>
      </c>
      <c r="O15" s="44">
        <v>116.10333158253341</v>
      </c>
      <c r="P15" s="45">
        <v>92.963769111292066</v>
      </c>
      <c r="Q15" s="46">
        <v>97.932805970670373</v>
      </c>
      <c r="R15" s="43">
        <v>96.322782736587584</v>
      </c>
      <c r="S15" s="44">
        <v>92.357636373439561</v>
      </c>
      <c r="T15" s="44">
        <v>91.751831821514486</v>
      </c>
      <c r="U15" s="44">
        <v>100.39249698631811</v>
      </c>
      <c r="V15" s="44">
        <v>95.522583979042906</v>
      </c>
      <c r="W15" s="44">
        <v>92.45670988806512</v>
      </c>
      <c r="X15" s="44">
        <v>37.177608128206721</v>
      </c>
      <c r="Y15" s="44">
        <v>104.43569977868469</v>
      </c>
      <c r="Z15" s="44">
        <v>124.77546194745368</v>
      </c>
      <c r="AA15" s="44">
        <v>49.471750641710926</v>
      </c>
      <c r="AB15" s="44">
        <v>102.62466047430675</v>
      </c>
      <c r="AC15" s="44">
        <v>99.132279023423195</v>
      </c>
      <c r="AD15" s="44">
        <v>108.21863768123373</v>
      </c>
      <c r="AE15" s="47">
        <v>103.1859989565253</v>
      </c>
      <c r="AF15" s="46">
        <v>101.60337806184832</v>
      </c>
    </row>
    <row r="16" spans="1:32" ht="15.75" customHeight="1" x14ac:dyDescent="0.2">
      <c r="A16" s="41" t="s">
        <v>44</v>
      </c>
      <c r="B16" s="42" t="s">
        <v>45</v>
      </c>
      <c r="C16" s="43">
        <v>99.434695350819567</v>
      </c>
      <c r="D16" s="44">
        <v>110.41172580163682</v>
      </c>
      <c r="E16" s="44">
        <v>104.48442102620633</v>
      </c>
      <c r="F16" s="44">
        <v>128.41893576365209</v>
      </c>
      <c r="G16" s="44">
        <v>95.683840748312818</v>
      </c>
      <c r="H16" s="44">
        <v>153.0667148684449</v>
      </c>
      <c r="I16" s="44">
        <v>108.05680123138285</v>
      </c>
      <c r="J16" s="44">
        <v>95.997332432703843</v>
      </c>
      <c r="K16" s="44">
        <v>76.555718664408431</v>
      </c>
      <c r="L16" s="44">
        <v>121.52408006863612</v>
      </c>
      <c r="M16" s="44">
        <v>104.37804910588397</v>
      </c>
      <c r="N16" s="44">
        <v>117.60020844123869</v>
      </c>
      <c r="O16" s="44">
        <v>129.14698281884782</v>
      </c>
      <c r="P16" s="45">
        <v>110.49419438908356</v>
      </c>
      <c r="Q16" s="46">
        <v>109.39248110417618</v>
      </c>
      <c r="R16" s="43">
        <v>101.68964530426794</v>
      </c>
      <c r="S16" s="44">
        <v>103.43202430344154</v>
      </c>
      <c r="T16" s="44">
        <v>96.124804239317839</v>
      </c>
      <c r="U16" s="44">
        <v>33.671104519641268</v>
      </c>
      <c r="V16" s="44">
        <v>121.48941922942225</v>
      </c>
      <c r="W16" s="44">
        <v>176.52794476406672</v>
      </c>
      <c r="X16" s="44">
        <v>72.565885988268832</v>
      </c>
      <c r="Y16" s="44">
        <v>127.35559644630472</v>
      </c>
      <c r="Z16" s="44">
        <v>89.48376830252117</v>
      </c>
      <c r="AA16" s="44">
        <v>117.13103489903175</v>
      </c>
      <c r="AB16" s="44">
        <v>91.142111618409132</v>
      </c>
      <c r="AC16" s="44">
        <v>103.6188750177589</v>
      </c>
      <c r="AD16" s="44">
        <v>116.34003077840461</v>
      </c>
      <c r="AE16" s="47">
        <v>106.79081390546905</v>
      </c>
      <c r="AF16" s="46">
        <v>103.83047634017034</v>
      </c>
    </row>
    <row r="17" spans="1:32" ht="15.75" customHeight="1" x14ac:dyDescent="0.2">
      <c r="A17" s="41" t="s">
        <v>46</v>
      </c>
      <c r="B17" s="42" t="s">
        <v>47</v>
      </c>
      <c r="C17" s="43">
        <v>98.935762136742738</v>
      </c>
      <c r="D17" s="44">
        <v>104.06080804262054</v>
      </c>
      <c r="E17" s="44">
        <v>91.847436694063092</v>
      </c>
      <c r="F17" s="44">
        <v>107.45408142507776</v>
      </c>
      <c r="G17" s="44">
        <v>103.13883559033063</v>
      </c>
      <c r="H17" s="44">
        <v>80.825591896227763</v>
      </c>
      <c r="I17" s="44">
        <v>66.208485404073429</v>
      </c>
      <c r="J17" s="44">
        <v>96.757608669318458</v>
      </c>
      <c r="K17" s="44">
        <v>79.66946167606504</v>
      </c>
      <c r="L17" s="44">
        <v>84.136292467962292</v>
      </c>
      <c r="M17" s="44">
        <v>104.14240631260931</v>
      </c>
      <c r="N17" s="44">
        <v>100.0674640213028</v>
      </c>
      <c r="O17" s="44">
        <v>120.18151742949205</v>
      </c>
      <c r="P17" s="45">
        <v>106.77489897742421</v>
      </c>
      <c r="Q17" s="46">
        <v>104.75414266311479</v>
      </c>
      <c r="R17" s="43">
        <v>98.43718513683956</v>
      </c>
      <c r="S17" s="44">
        <v>104.6023127344256</v>
      </c>
      <c r="T17" s="44">
        <v>107.09818490808598</v>
      </c>
      <c r="U17" s="44">
        <v>92.369749403930456</v>
      </c>
      <c r="V17" s="44">
        <v>95.213172442663947</v>
      </c>
      <c r="W17" s="44">
        <v>84.609243658680114</v>
      </c>
      <c r="X17" s="44">
        <v>103.43438588534383</v>
      </c>
      <c r="Y17" s="44">
        <v>97.472983255114784</v>
      </c>
      <c r="Z17" s="44">
        <v>93.531317387627325</v>
      </c>
      <c r="AA17" s="44">
        <v>77.566698929160466</v>
      </c>
      <c r="AB17" s="44">
        <v>104.79685964355473</v>
      </c>
      <c r="AC17" s="44">
        <v>93.430057333348316</v>
      </c>
      <c r="AD17" s="44">
        <v>110.13897565858697</v>
      </c>
      <c r="AE17" s="47">
        <v>106.05115743199589</v>
      </c>
      <c r="AF17" s="46">
        <v>103.96485907412485</v>
      </c>
    </row>
    <row r="18" spans="1:32" ht="15.75" customHeight="1" x14ac:dyDescent="0.2">
      <c r="A18" s="41" t="s">
        <v>48</v>
      </c>
      <c r="B18" s="42" t="s">
        <v>49</v>
      </c>
      <c r="C18" s="43">
        <v>96.338971049095747</v>
      </c>
      <c r="D18" s="44">
        <v>97.877982893870225</v>
      </c>
      <c r="E18" s="44">
        <v>96.220210705095823</v>
      </c>
      <c r="F18" s="44">
        <v>96.380823552010298</v>
      </c>
      <c r="G18" s="44">
        <v>118.92450885008741</v>
      </c>
      <c r="H18" s="44">
        <v>81.582247750118768</v>
      </c>
      <c r="I18" s="44">
        <v>133.71670956214589</v>
      </c>
      <c r="J18" s="44">
        <v>112.56869167692309</v>
      </c>
      <c r="K18" s="44">
        <v>87.881529150267482</v>
      </c>
      <c r="L18" s="44">
        <v>112.50418519930172</v>
      </c>
      <c r="M18" s="44">
        <v>105.58719845022233</v>
      </c>
      <c r="N18" s="44">
        <v>95.180387679049431</v>
      </c>
      <c r="O18" s="44">
        <v>99.608861228938622</v>
      </c>
      <c r="P18" s="45">
        <v>107.45345445363542</v>
      </c>
      <c r="Q18" s="46">
        <v>104.67811408008339</v>
      </c>
      <c r="R18" s="43">
        <v>94.750316385991965</v>
      </c>
      <c r="S18" s="44">
        <v>94.064469598148548</v>
      </c>
      <c r="T18" s="44">
        <v>96.958860261203967</v>
      </c>
      <c r="U18" s="44">
        <v>104.47472649281607</v>
      </c>
      <c r="V18" s="44">
        <v>100.87153609495402</v>
      </c>
      <c r="W18" s="44">
        <v>127.75359233610121</v>
      </c>
      <c r="X18" s="44">
        <v>213.45499001734265</v>
      </c>
      <c r="Y18" s="44">
        <v>85.966675659891337</v>
      </c>
      <c r="Z18" s="44">
        <v>97.182954927958619</v>
      </c>
      <c r="AA18" s="44">
        <v>34.142262410523927</v>
      </c>
      <c r="AB18" s="44">
        <v>94.012399916656975</v>
      </c>
      <c r="AC18" s="44">
        <v>97.828376450387978</v>
      </c>
      <c r="AD18" s="44">
        <v>109.53257420388424</v>
      </c>
      <c r="AE18" s="47">
        <v>103.3449900491581</v>
      </c>
      <c r="AF18" s="46">
        <v>101.05751833718099</v>
      </c>
    </row>
    <row r="19" spans="1:32" ht="15.75" customHeight="1" x14ac:dyDescent="0.2">
      <c r="A19" s="41" t="s">
        <v>50</v>
      </c>
      <c r="B19" s="42" t="s">
        <v>51</v>
      </c>
      <c r="C19" s="43">
        <v>98.594163492351782</v>
      </c>
      <c r="D19" s="44">
        <v>112.23611577609596</v>
      </c>
      <c r="E19" s="44">
        <v>97.206540807849166</v>
      </c>
      <c r="F19" s="44">
        <v>89.19145196365757</v>
      </c>
      <c r="G19" s="44">
        <v>123.24012674019983</v>
      </c>
      <c r="H19" s="44">
        <v>107.36635384230063</v>
      </c>
      <c r="I19" s="44">
        <v>88.811841764811959</v>
      </c>
      <c r="J19" s="44">
        <v>88.449495320812844</v>
      </c>
      <c r="K19" s="44">
        <v>95.024909337865068</v>
      </c>
      <c r="L19" s="44">
        <v>105.27175195920498</v>
      </c>
      <c r="M19" s="44">
        <v>97.321786882870441</v>
      </c>
      <c r="N19" s="44">
        <v>104.17148142237583</v>
      </c>
      <c r="O19" s="44">
        <v>96.656023854334649</v>
      </c>
      <c r="P19" s="45">
        <v>101.80251913887676</v>
      </c>
      <c r="Q19" s="46">
        <v>100.40141324659994</v>
      </c>
      <c r="R19" s="43">
        <v>112.58860388684506</v>
      </c>
      <c r="S19" s="44">
        <v>123.70638831861278</v>
      </c>
      <c r="T19" s="44">
        <v>102.21444924666439</v>
      </c>
      <c r="U19" s="44">
        <v>104.62775321440681</v>
      </c>
      <c r="V19" s="44">
        <v>132.97284121312038</v>
      </c>
      <c r="W19" s="44">
        <v>58.321302377262136</v>
      </c>
      <c r="X19" s="44">
        <v>36.551686873221584</v>
      </c>
      <c r="Y19" s="44">
        <v>115.92652730180571</v>
      </c>
      <c r="Z19" s="44">
        <v>95.62321865758787</v>
      </c>
      <c r="AA19" s="44">
        <v>225.25930706033</v>
      </c>
      <c r="AB19" s="44">
        <v>90.676805351188207</v>
      </c>
      <c r="AC19" s="44">
        <v>102.65334245167695</v>
      </c>
      <c r="AD19" s="44">
        <v>106.16295989793143</v>
      </c>
      <c r="AE19" s="47">
        <v>105.60727909401598</v>
      </c>
      <c r="AF19" s="46">
        <v>103.54021575637655</v>
      </c>
    </row>
    <row r="20" spans="1:32" ht="15.75" customHeight="1" x14ac:dyDescent="0.2">
      <c r="A20" s="41" t="s">
        <v>52</v>
      </c>
      <c r="B20" s="42" t="s">
        <v>53</v>
      </c>
      <c r="C20" s="43">
        <v>96.924446271132311</v>
      </c>
      <c r="D20" s="44">
        <v>92.92428510777377</v>
      </c>
      <c r="E20" s="44">
        <v>119.58665153273455</v>
      </c>
      <c r="F20" s="44">
        <v>90.430450055160136</v>
      </c>
      <c r="G20" s="44">
        <v>93.828882913133086</v>
      </c>
      <c r="H20" s="44">
        <v>305.9916106958791</v>
      </c>
      <c r="I20" s="44">
        <v>78.368220222083835</v>
      </c>
      <c r="J20" s="44">
        <v>87.637641842784348</v>
      </c>
      <c r="K20" s="44">
        <v>96.711932668931155</v>
      </c>
      <c r="L20" s="44">
        <v>113.6268919325892</v>
      </c>
      <c r="M20" s="44">
        <v>93.885616319260677</v>
      </c>
      <c r="N20" s="44">
        <v>97.490648117572988</v>
      </c>
      <c r="O20" s="44">
        <v>124.66347687635786</v>
      </c>
      <c r="P20" s="45">
        <v>103.7380594672285</v>
      </c>
      <c r="Q20" s="46">
        <v>102.29474109485187</v>
      </c>
      <c r="R20" s="43">
        <v>87.639217481268943</v>
      </c>
      <c r="S20" s="44">
        <v>86.429997220170407</v>
      </c>
      <c r="T20" s="44">
        <v>97.948728322922094</v>
      </c>
      <c r="U20" s="44">
        <v>55.119477542385447</v>
      </c>
      <c r="V20" s="44">
        <v>84.746648033688103</v>
      </c>
      <c r="W20" s="44">
        <v>88.75932576904448</v>
      </c>
      <c r="X20" s="44">
        <v>82.080703702350505</v>
      </c>
      <c r="Y20" s="44">
        <v>42.962079592905141</v>
      </c>
      <c r="Z20" s="44">
        <v>82.166618184503804</v>
      </c>
      <c r="AA20" s="44">
        <v>167.22172957027931</v>
      </c>
      <c r="AB20" s="44">
        <v>88.735433046537082</v>
      </c>
      <c r="AC20" s="44">
        <v>111.32652690450469</v>
      </c>
      <c r="AD20" s="44">
        <v>105.22752108309579</v>
      </c>
      <c r="AE20" s="47">
        <v>99.039808824136742</v>
      </c>
      <c r="AF20" s="46">
        <v>97.633525636715859</v>
      </c>
    </row>
    <row r="21" spans="1:32" ht="15.75" customHeight="1" x14ac:dyDescent="0.2">
      <c r="A21" s="41" t="s">
        <v>54</v>
      </c>
      <c r="B21" s="42" t="s">
        <v>55</v>
      </c>
      <c r="C21" s="43">
        <v>86.38818738568763</v>
      </c>
      <c r="D21" s="44">
        <v>105.23344611136649</v>
      </c>
      <c r="E21" s="44">
        <v>104.51392379700764</v>
      </c>
      <c r="F21" s="44">
        <v>84.748122771882564</v>
      </c>
      <c r="G21" s="44">
        <v>112.99743688146131</v>
      </c>
      <c r="H21" s="44">
        <v>90.068584553510291</v>
      </c>
      <c r="I21" s="44">
        <v>50.99342218499433</v>
      </c>
      <c r="J21" s="44">
        <v>54.339911647810965</v>
      </c>
      <c r="K21" s="44">
        <v>97.923383831085133</v>
      </c>
      <c r="L21" s="44">
        <v>86.759130272351939</v>
      </c>
      <c r="M21" s="44">
        <v>102.3187988972705</v>
      </c>
      <c r="N21" s="44">
        <v>114.90845374487311</v>
      </c>
      <c r="O21" s="44">
        <v>93.180574164168803</v>
      </c>
      <c r="P21" s="45">
        <v>105.62903645251774</v>
      </c>
      <c r="Q21" s="46">
        <v>101.74481140990642</v>
      </c>
      <c r="R21" s="43">
        <v>98.202755374917729</v>
      </c>
      <c r="S21" s="44">
        <v>104.9922267349981</v>
      </c>
      <c r="T21" s="44">
        <v>102.10898523820237</v>
      </c>
      <c r="U21" s="44">
        <v>40.873017740593866</v>
      </c>
      <c r="V21" s="44">
        <v>113.26079127497502</v>
      </c>
      <c r="W21" s="44">
        <v>89.389823254485719</v>
      </c>
      <c r="X21" s="44">
        <v>103.10494658829822</v>
      </c>
      <c r="Y21" s="44">
        <v>98.517472042448603</v>
      </c>
      <c r="Z21" s="44">
        <v>109.79803695185583</v>
      </c>
      <c r="AA21" s="44">
        <v>143.64808725537137</v>
      </c>
      <c r="AB21" s="44">
        <v>82.021983979271965</v>
      </c>
      <c r="AC21" s="44">
        <v>104.46923437692409</v>
      </c>
      <c r="AD21" s="44">
        <v>102.89762471950029</v>
      </c>
      <c r="AE21" s="47">
        <v>105.77989946467697</v>
      </c>
      <c r="AF21" s="46">
        <v>101.05387657441267</v>
      </c>
    </row>
    <row r="22" spans="1:32" ht="15.75" customHeight="1" x14ac:dyDescent="0.2">
      <c r="A22" s="41" t="s">
        <v>56</v>
      </c>
      <c r="B22" s="42" t="s">
        <v>57</v>
      </c>
      <c r="C22" s="43">
        <v>76.434465486222166</v>
      </c>
      <c r="D22" s="44">
        <v>90.413413503512288</v>
      </c>
      <c r="E22" s="44">
        <v>97.388086435417094</v>
      </c>
      <c r="F22" s="44">
        <v>115.98462880015252</v>
      </c>
      <c r="G22" s="44">
        <v>76.473439450815519</v>
      </c>
      <c r="H22" s="44">
        <v>66.505282911688084</v>
      </c>
      <c r="I22" s="44">
        <v>101.41909474617802</v>
      </c>
      <c r="J22" s="44">
        <v>93.076391657610557</v>
      </c>
      <c r="K22" s="44">
        <v>89.501046211426214</v>
      </c>
      <c r="L22" s="44">
        <v>77.724413439508524</v>
      </c>
      <c r="M22" s="44">
        <v>98.476064551548802</v>
      </c>
      <c r="N22" s="44">
        <v>93.19041382179077</v>
      </c>
      <c r="O22" s="44">
        <v>88.10462638125729</v>
      </c>
      <c r="P22" s="45">
        <v>94.641660057575834</v>
      </c>
      <c r="Q22" s="46">
        <v>93.336348458724132</v>
      </c>
      <c r="R22" s="43">
        <v>68.611646231521448</v>
      </c>
      <c r="S22" s="44">
        <v>80.813461253098495</v>
      </c>
      <c r="T22" s="44">
        <v>94.635763732810389</v>
      </c>
      <c r="U22" s="44">
        <v>77.223481409591585</v>
      </c>
      <c r="V22" s="44">
        <v>58.151602885106435</v>
      </c>
      <c r="W22" s="44">
        <v>103.08979387595338</v>
      </c>
      <c r="X22" s="44">
        <v>110.56970149068091</v>
      </c>
      <c r="Y22" s="44">
        <v>117.56849551138249</v>
      </c>
      <c r="Z22" s="44">
        <v>122.87383850190336</v>
      </c>
      <c r="AA22" s="44">
        <v>53.976564964593599</v>
      </c>
      <c r="AB22" s="44">
        <v>117.17985428218057</v>
      </c>
      <c r="AC22" s="44">
        <v>99.744650383062947</v>
      </c>
      <c r="AD22" s="44">
        <v>85.285879309182334</v>
      </c>
      <c r="AE22" s="47">
        <v>95.119929857747152</v>
      </c>
      <c r="AF22" s="46">
        <v>97.075273659050353</v>
      </c>
    </row>
    <row r="23" spans="1:32" ht="15.75" customHeight="1" x14ac:dyDescent="0.2">
      <c r="A23" s="41" t="s">
        <v>58</v>
      </c>
      <c r="B23" s="42" t="s">
        <v>59</v>
      </c>
      <c r="C23" s="43">
        <v>95.453591793763806</v>
      </c>
      <c r="D23" s="44">
        <v>94.375630817720094</v>
      </c>
      <c r="E23" s="44">
        <v>113.01837915707408</v>
      </c>
      <c r="F23" s="44">
        <v>100.07029494761065</v>
      </c>
      <c r="G23" s="44">
        <v>82.133343664792974</v>
      </c>
      <c r="H23" s="44">
        <v>87.359240165046046</v>
      </c>
      <c r="I23" s="44">
        <v>86.889885728442309</v>
      </c>
      <c r="J23" s="44">
        <v>86.072367525790241</v>
      </c>
      <c r="K23" s="44">
        <v>128.53529660683213</v>
      </c>
      <c r="L23" s="44">
        <v>95.893632021456753</v>
      </c>
      <c r="M23" s="44">
        <v>99.172391792271114</v>
      </c>
      <c r="N23" s="44">
        <v>96.506628944698122</v>
      </c>
      <c r="O23" s="44">
        <v>86.883316478992953</v>
      </c>
      <c r="P23" s="45">
        <v>100.60387747404869</v>
      </c>
      <c r="Q23" s="46">
        <v>98.956911802226287</v>
      </c>
      <c r="R23" s="43">
        <v>81.538549313987403</v>
      </c>
      <c r="S23" s="44">
        <v>94.096017781110447</v>
      </c>
      <c r="T23" s="44">
        <v>102.34264325672957</v>
      </c>
      <c r="U23" s="44">
        <v>60.789940285479481</v>
      </c>
      <c r="V23" s="44">
        <v>73.309332033573384</v>
      </c>
      <c r="W23" s="44">
        <v>232.88857009164448</v>
      </c>
      <c r="X23" s="44">
        <v>43.009846638353487</v>
      </c>
      <c r="Y23" s="44">
        <v>85.974089218798454</v>
      </c>
      <c r="Z23" s="44">
        <v>122.81997196074191</v>
      </c>
      <c r="AA23" s="44">
        <v>59.574069659644849</v>
      </c>
      <c r="AB23" s="44">
        <v>109.00445627997007</v>
      </c>
      <c r="AC23" s="44">
        <v>102.67127052447994</v>
      </c>
      <c r="AD23" s="44">
        <v>69.981599144944326</v>
      </c>
      <c r="AE23" s="47">
        <v>97.545077947644756</v>
      </c>
      <c r="AF23" s="46">
        <v>96.606197627979626</v>
      </c>
    </row>
    <row r="24" spans="1:32" ht="15.75" customHeight="1" x14ac:dyDescent="0.2">
      <c r="A24" s="41" t="s">
        <v>60</v>
      </c>
      <c r="B24" s="42" t="s">
        <v>61</v>
      </c>
      <c r="C24" s="43">
        <v>101.06958877725009</v>
      </c>
      <c r="D24" s="44">
        <v>102.56455317692804</v>
      </c>
      <c r="E24" s="44">
        <v>88.421842279678444</v>
      </c>
      <c r="F24" s="44">
        <v>112.15078533419009</v>
      </c>
      <c r="G24" s="44">
        <v>111.87270710308083</v>
      </c>
      <c r="H24" s="44">
        <v>102.49077827291114</v>
      </c>
      <c r="I24" s="44">
        <v>95.523894748332182</v>
      </c>
      <c r="J24" s="44">
        <v>111.39751715685316</v>
      </c>
      <c r="K24" s="44">
        <v>101.48081186754419</v>
      </c>
      <c r="L24" s="44">
        <v>102.37987540255769</v>
      </c>
      <c r="M24" s="44">
        <v>109.48720438931666</v>
      </c>
      <c r="N24" s="44">
        <v>105.06348910397313</v>
      </c>
      <c r="O24" s="44">
        <v>82.097664247569725</v>
      </c>
      <c r="P24" s="45">
        <v>103.62080215090035</v>
      </c>
      <c r="Q24" s="46">
        <v>102.4580024597187</v>
      </c>
      <c r="R24" s="43">
        <v>101.25783381342772</v>
      </c>
      <c r="S24" s="44">
        <v>101.79757849219267</v>
      </c>
      <c r="T24" s="44">
        <v>88.755148116979598</v>
      </c>
      <c r="U24" s="44">
        <v>98.138380414940357</v>
      </c>
      <c r="V24" s="44">
        <v>111.55759890747552</v>
      </c>
      <c r="W24" s="44">
        <v>97.005832202011007</v>
      </c>
      <c r="X24" s="44">
        <v>76.1054567362509</v>
      </c>
      <c r="Y24" s="44">
        <v>107.74411488459805</v>
      </c>
      <c r="Z24" s="44">
        <v>107.58354782534616</v>
      </c>
      <c r="AA24" s="44">
        <v>144.25401268612777</v>
      </c>
      <c r="AB24" s="44">
        <v>109.41318857370111</v>
      </c>
      <c r="AC24" s="44">
        <v>111.54090029682678</v>
      </c>
      <c r="AD24" s="44">
        <v>87.386144173637419</v>
      </c>
      <c r="AE24" s="47">
        <v>102.85698177239193</v>
      </c>
      <c r="AF24" s="46">
        <v>102.94664401232026</v>
      </c>
    </row>
    <row r="25" spans="1:32" ht="15.75" customHeight="1" x14ac:dyDescent="0.2">
      <c r="A25" s="41" t="s">
        <v>62</v>
      </c>
      <c r="B25" s="42" t="s">
        <v>63</v>
      </c>
      <c r="C25" s="43">
        <v>110.47841192446607</v>
      </c>
      <c r="D25" s="44">
        <v>108.70668931187645</v>
      </c>
      <c r="E25" s="44">
        <v>91.221163835622491</v>
      </c>
      <c r="F25" s="44">
        <v>97.275047723648953</v>
      </c>
      <c r="G25" s="44">
        <v>149.26899348939253</v>
      </c>
      <c r="H25" s="44">
        <v>84.402018776570756</v>
      </c>
      <c r="I25" s="44">
        <v>73.904818571322579</v>
      </c>
      <c r="J25" s="44">
        <v>121.39436134798808</v>
      </c>
      <c r="K25" s="44">
        <v>149.6865604773794</v>
      </c>
      <c r="L25" s="44">
        <v>148.07460392543024</v>
      </c>
      <c r="M25" s="44">
        <v>121.30142942754763</v>
      </c>
      <c r="N25" s="44">
        <v>129.06178515905171</v>
      </c>
      <c r="O25" s="44">
        <v>68.445695654617126</v>
      </c>
      <c r="P25" s="45">
        <v>109.36802137278951</v>
      </c>
      <c r="Q25" s="46">
        <v>109.47402496494149</v>
      </c>
      <c r="R25" s="43">
        <v>129.69876215535282</v>
      </c>
      <c r="S25" s="44">
        <v>104.51620801753711</v>
      </c>
      <c r="T25" s="44">
        <v>97.659405837380618</v>
      </c>
      <c r="U25" s="44">
        <v>128.84759482898616</v>
      </c>
      <c r="V25" s="44">
        <v>166.76842171791017</v>
      </c>
      <c r="W25" s="44">
        <v>97.948687665418618</v>
      </c>
      <c r="X25" s="44">
        <v>93.914388510340444</v>
      </c>
      <c r="Y25" s="44">
        <v>159.3379503012261</v>
      </c>
      <c r="Z25" s="44">
        <v>146.39912818416451</v>
      </c>
      <c r="AA25" s="44">
        <v>188.70265155632291</v>
      </c>
      <c r="AB25" s="44">
        <v>116.62398423395449</v>
      </c>
      <c r="AC25" s="44">
        <v>116.55950304358922</v>
      </c>
      <c r="AD25" s="44">
        <v>77.734575725784552</v>
      </c>
      <c r="AE25" s="47">
        <v>112.49783662985479</v>
      </c>
      <c r="AF25" s="46">
        <v>111.16193300646671</v>
      </c>
    </row>
    <row r="26" spans="1:32" ht="15.75" customHeight="1" x14ac:dyDescent="0.2">
      <c r="A26" s="41" t="s">
        <v>64</v>
      </c>
      <c r="B26" s="42" t="s">
        <v>65</v>
      </c>
      <c r="C26" s="43">
        <v>107.96998939786738</v>
      </c>
      <c r="D26" s="44">
        <v>110.48701320315709</v>
      </c>
      <c r="E26" s="44">
        <v>85.311691214714955</v>
      </c>
      <c r="F26" s="44">
        <v>107.37512044094062</v>
      </c>
      <c r="G26" s="44">
        <v>93.526829078804155</v>
      </c>
      <c r="H26" s="44">
        <v>108.26505275957133</v>
      </c>
      <c r="I26" s="44">
        <v>136.81869538058439</v>
      </c>
      <c r="J26" s="44">
        <v>102.27082274229529</v>
      </c>
      <c r="K26" s="44">
        <v>86.869241741998309</v>
      </c>
      <c r="L26" s="44">
        <v>75.992614577156374</v>
      </c>
      <c r="M26" s="44">
        <v>108.18402900113531</v>
      </c>
      <c r="N26" s="44">
        <v>120.39905453195644</v>
      </c>
      <c r="O26" s="44">
        <v>90.316070867033559</v>
      </c>
      <c r="P26" s="45">
        <v>113.21756981923039</v>
      </c>
      <c r="Q26" s="46">
        <v>109.38714099244888</v>
      </c>
      <c r="R26" s="43">
        <v>115.93530295641132</v>
      </c>
      <c r="S26" s="44">
        <v>110.80475602969118</v>
      </c>
      <c r="T26" s="44">
        <v>78.721622088227079</v>
      </c>
      <c r="U26" s="44">
        <v>160.45182516107019</v>
      </c>
      <c r="V26" s="44">
        <v>110.04893020542006</v>
      </c>
      <c r="W26" s="44">
        <v>103.71249656008531</v>
      </c>
      <c r="X26" s="44">
        <v>24.497254020058694</v>
      </c>
      <c r="Y26" s="44">
        <v>78.616574021550235</v>
      </c>
      <c r="Z26" s="44">
        <v>151.33899366467406</v>
      </c>
      <c r="AA26" s="44">
        <v>215.95344177504188</v>
      </c>
      <c r="AB26" s="44">
        <v>116.28160070812739</v>
      </c>
      <c r="AC26" s="44">
        <v>115.28817239806908</v>
      </c>
      <c r="AD26" s="44">
        <v>94.625139411236034</v>
      </c>
      <c r="AE26" s="47">
        <v>110.87777435003929</v>
      </c>
      <c r="AF26" s="46">
        <v>109.66999428171924</v>
      </c>
    </row>
    <row r="27" spans="1:32" ht="15.75" customHeight="1" x14ac:dyDescent="0.2">
      <c r="A27" s="41" t="s">
        <v>66</v>
      </c>
      <c r="B27" s="42" t="s">
        <v>67</v>
      </c>
      <c r="C27" s="43">
        <v>101.48212044134655</v>
      </c>
      <c r="D27" s="44">
        <v>106.44824931594968</v>
      </c>
      <c r="E27" s="44">
        <v>98.857054631927269</v>
      </c>
      <c r="F27" s="44">
        <v>128.84990009634484</v>
      </c>
      <c r="G27" s="44">
        <v>77.226508231008438</v>
      </c>
      <c r="H27" s="44">
        <v>79.018483730518923</v>
      </c>
      <c r="I27" s="44">
        <v>61.471436363508822</v>
      </c>
      <c r="J27" s="44">
        <v>121.45309711735044</v>
      </c>
      <c r="K27" s="44">
        <v>103.32612499810674</v>
      </c>
      <c r="L27" s="44">
        <v>91.051731578959235</v>
      </c>
      <c r="M27" s="44">
        <v>123.75100052184099</v>
      </c>
      <c r="N27" s="44">
        <v>96.189302763516622</v>
      </c>
      <c r="O27" s="44">
        <v>82.535345168521459</v>
      </c>
      <c r="P27" s="45">
        <v>99.925920595771132</v>
      </c>
      <c r="Q27" s="46">
        <v>102.34790502584704</v>
      </c>
      <c r="R27" s="43">
        <v>104.50745865504443</v>
      </c>
      <c r="S27" s="44">
        <v>107.75611283700663</v>
      </c>
      <c r="T27" s="44">
        <v>93.983591086652822</v>
      </c>
      <c r="U27" s="44">
        <v>81.686776868795661</v>
      </c>
      <c r="V27" s="44">
        <v>76.267354979748632</v>
      </c>
      <c r="W27" s="44">
        <v>42.800218501367311</v>
      </c>
      <c r="X27" s="44">
        <v>116.79749788789348</v>
      </c>
      <c r="Y27" s="44">
        <v>82.830676311979033</v>
      </c>
      <c r="Z27" s="44">
        <v>118.16126691887104</v>
      </c>
      <c r="AA27" s="44">
        <v>103.6256206466461</v>
      </c>
      <c r="AB27" s="44">
        <v>100.95302132253612</v>
      </c>
      <c r="AC27" s="44">
        <v>110.56741294400065</v>
      </c>
      <c r="AD27" s="44">
        <v>88.532162881476808</v>
      </c>
      <c r="AE27" s="47">
        <v>99.790336338217287</v>
      </c>
      <c r="AF27" s="46">
        <v>100.42726431850458</v>
      </c>
    </row>
    <row r="28" spans="1:32" ht="15.75" customHeight="1" x14ac:dyDescent="0.2">
      <c r="A28" s="41" t="s">
        <v>68</v>
      </c>
      <c r="B28" s="42" t="s">
        <v>69</v>
      </c>
      <c r="C28" s="43">
        <v>98.764758268623964</v>
      </c>
      <c r="D28" s="44">
        <v>96.42529894579242</v>
      </c>
      <c r="E28" s="44">
        <v>76.205205579331079</v>
      </c>
      <c r="F28" s="44">
        <v>99.811237733849651</v>
      </c>
      <c r="G28" s="44">
        <v>97.737726177608437</v>
      </c>
      <c r="H28" s="44">
        <v>59.297815991817131</v>
      </c>
      <c r="I28" s="44">
        <v>110.58124300974674</v>
      </c>
      <c r="J28" s="44">
        <v>110.76782782293196</v>
      </c>
      <c r="K28" s="44">
        <v>89.579834064512752</v>
      </c>
      <c r="L28" s="44">
        <v>77.486657076127798</v>
      </c>
      <c r="M28" s="44">
        <v>101.25877924284482</v>
      </c>
      <c r="N28" s="44">
        <v>84.2536425049109</v>
      </c>
      <c r="O28" s="44">
        <v>94.707425092082502</v>
      </c>
      <c r="P28" s="45">
        <v>104.15518722793966</v>
      </c>
      <c r="Q28" s="46">
        <v>100.53666876889592</v>
      </c>
      <c r="R28" s="43">
        <v>99.28596585902163</v>
      </c>
      <c r="S28" s="44">
        <v>97.909094958545367</v>
      </c>
      <c r="T28" s="44">
        <v>83.918161088411352</v>
      </c>
      <c r="U28" s="44">
        <v>84.188558227351294</v>
      </c>
      <c r="V28" s="44">
        <v>98.627257610865598</v>
      </c>
      <c r="W28" s="44">
        <v>173.14215454900886</v>
      </c>
      <c r="X28" s="44">
        <v>85.67653396553176</v>
      </c>
      <c r="Y28" s="44">
        <v>160.0325798260871</v>
      </c>
      <c r="Z28" s="44">
        <v>74.525546347518215</v>
      </c>
      <c r="AA28" s="44">
        <v>144.36569696555998</v>
      </c>
      <c r="AB28" s="44">
        <v>103.51861908312407</v>
      </c>
      <c r="AC28" s="44">
        <v>104.36217296113794</v>
      </c>
      <c r="AD28" s="44">
        <v>83.874577356843091</v>
      </c>
      <c r="AE28" s="47">
        <v>100.78630366728636</v>
      </c>
      <c r="AF28" s="46">
        <v>99.748147791701598</v>
      </c>
    </row>
    <row r="29" spans="1:32" ht="15.75" customHeight="1" x14ac:dyDescent="0.2">
      <c r="A29" s="41" t="s">
        <v>70</v>
      </c>
      <c r="B29" s="42" t="s">
        <v>71</v>
      </c>
      <c r="C29" s="43">
        <v>93.792136587646311</v>
      </c>
      <c r="D29" s="44">
        <v>100.06374710231059</v>
      </c>
      <c r="E29" s="44">
        <v>90.201641866758052</v>
      </c>
      <c r="F29" s="44">
        <v>114.60257853503666</v>
      </c>
      <c r="G29" s="44">
        <v>93.586664173079157</v>
      </c>
      <c r="H29" s="44">
        <v>102.30529808597653</v>
      </c>
      <c r="I29" s="44">
        <v>124.56331428001185</v>
      </c>
      <c r="J29" s="44">
        <v>111.58506875598611</v>
      </c>
      <c r="K29" s="44">
        <v>68.167564349412928</v>
      </c>
      <c r="L29" s="44">
        <v>114.55244558866087</v>
      </c>
      <c r="M29" s="44">
        <v>95.988443837308026</v>
      </c>
      <c r="N29" s="44">
        <v>113.52830509658892</v>
      </c>
      <c r="O29" s="44">
        <v>73.808848101267785</v>
      </c>
      <c r="P29" s="45">
        <v>96.327231938886456</v>
      </c>
      <c r="Q29" s="46">
        <v>95.214179949256604</v>
      </c>
      <c r="R29" s="43">
        <v>89.380483408444547</v>
      </c>
      <c r="S29" s="44">
        <v>98.346083456136455</v>
      </c>
      <c r="T29" s="44">
        <v>89.990539998433761</v>
      </c>
      <c r="U29" s="44">
        <v>114.86971561014683</v>
      </c>
      <c r="V29" s="44">
        <v>77.280944843129589</v>
      </c>
      <c r="W29" s="44">
        <v>86.486609909830079</v>
      </c>
      <c r="X29" s="44">
        <v>105.64209041214006</v>
      </c>
      <c r="Y29" s="44">
        <v>90.050182229203926</v>
      </c>
      <c r="Z29" s="44">
        <v>70.368258801554703</v>
      </c>
      <c r="AA29" s="44">
        <v>132.72373634080458</v>
      </c>
      <c r="AB29" s="44">
        <v>113.58782559754341</v>
      </c>
      <c r="AC29" s="44">
        <v>114.26998482806599</v>
      </c>
      <c r="AD29" s="44">
        <v>88.95385982239614</v>
      </c>
      <c r="AE29" s="47">
        <v>98.199572249500179</v>
      </c>
      <c r="AF29" s="46">
        <v>100.74352834449171</v>
      </c>
    </row>
    <row r="30" spans="1:32" ht="15.75" customHeight="1" x14ac:dyDescent="0.2">
      <c r="A30" s="41" t="s">
        <v>72</v>
      </c>
      <c r="B30" s="42" t="s">
        <v>73</v>
      </c>
      <c r="C30" s="43">
        <v>101.84805530845981</v>
      </c>
      <c r="D30" s="44">
        <v>100.27426119476334</v>
      </c>
      <c r="E30" s="44">
        <v>87.646969912254448</v>
      </c>
      <c r="F30" s="44">
        <v>102.99737026525571</v>
      </c>
      <c r="G30" s="44">
        <v>142.0201678227541</v>
      </c>
      <c r="H30" s="44">
        <v>172.9161794496531</v>
      </c>
      <c r="I30" s="44">
        <v>67.011073128329599</v>
      </c>
      <c r="J30" s="44">
        <v>112.00636230201627</v>
      </c>
      <c r="K30" s="44">
        <v>117.81201558025182</v>
      </c>
      <c r="L30" s="44">
        <v>94.423835136288034</v>
      </c>
      <c r="M30" s="44">
        <v>111.96840994966097</v>
      </c>
      <c r="N30" s="44">
        <v>92.476904260864202</v>
      </c>
      <c r="O30" s="44">
        <v>77.284764104763426</v>
      </c>
      <c r="P30" s="45">
        <v>102.54597853840271</v>
      </c>
      <c r="Q30" s="46">
        <v>101.34766900398067</v>
      </c>
      <c r="R30" s="43">
        <v>94.929500959345404</v>
      </c>
      <c r="S30" s="44">
        <v>102.39627476823172</v>
      </c>
      <c r="T30" s="44">
        <v>91.679148363009816</v>
      </c>
      <c r="U30" s="44">
        <v>61.861966318814446</v>
      </c>
      <c r="V30" s="44">
        <v>118.94015883247326</v>
      </c>
      <c r="W30" s="44">
        <v>69.75364014259371</v>
      </c>
      <c r="X30" s="44">
        <v>46.934201732261386</v>
      </c>
      <c r="Y30" s="44">
        <v>96.885075415957985</v>
      </c>
      <c r="Z30" s="44">
        <v>109.99496962542371</v>
      </c>
      <c r="AA30" s="44">
        <v>142.21248296290406</v>
      </c>
      <c r="AB30" s="44">
        <v>110.22696019909857</v>
      </c>
      <c r="AC30" s="44">
        <v>112.22027727643632</v>
      </c>
      <c r="AD30" s="44">
        <v>88.979053191972923</v>
      </c>
      <c r="AE30" s="47">
        <v>99.303000859387396</v>
      </c>
      <c r="AF30" s="46">
        <v>101.11937968741462</v>
      </c>
    </row>
    <row r="31" spans="1:32" ht="15.75" customHeight="1" x14ac:dyDescent="0.2">
      <c r="A31" s="41" t="s">
        <v>74</v>
      </c>
      <c r="B31" s="42" t="s">
        <v>75</v>
      </c>
      <c r="C31" s="43">
        <v>90.478751188134552</v>
      </c>
      <c r="D31" s="44">
        <v>94.516325351890586</v>
      </c>
      <c r="E31" s="44">
        <v>88.644662695704923</v>
      </c>
      <c r="F31" s="44">
        <v>143.89112220609158</v>
      </c>
      <c r="G31" s="44">
        <v>116.94197096972221</v>
      </c>
      <c r="H31" s="44">
        <v>113.40143513771835</v>
      </c>
      <c r="I31" s="44">
        <v>112.0010520013516</v>
      </c>
      <c r="J31" s="44">
        <v>93.537654144568592</v>
      </c>
      <c r="K31" s="44">
        <v>76.127433673268243</v>
      </c>
      <c r="L31" s="44">
        <v>98.785801429949672</v>
      </c>
      <c r="M31" s="44">
        <v>99.641662559990451</v>
      </c>
      <c r="N31" s="44">
        <v>96.096691580253932</v>
      </c>
      <c r="O31" s="44">
        <v>97.071854148568448</v>
      </c>
      <c r="P31" s="45">
        <v>99.926198243528304</v>
      </c>
      <c r="Q31" s="46">
        <v>98.104528485322987</v>
      </c>
      <c r="R31" s="43">
        <v>75.042988097265223</v>
      </c>
      <c r="S31" s="44">
        <v>92.132903767666789</v>
      </c>
      <c r="T31" s="44">
        <v>82.759139993792601</v>
      </c>
      <c r="U31" s="44">
        <v>67.077819352021052</v>
      </c>
      <c r="V31" s="44">
        <v>126.93162848192466</v>
      </c>
      <c r="W31" s="44">
        <v>104.69879673487446</v>
      </c>
      <c r="X31" s="44">
        <v>51.637959855308203</v>
      </c>
      <c r="Y31" s="44">
        <v>75.299228356623416</v>
      </c>
      <c r="Z31" s="44">
        <v>86.194455399220075</v>
      </c>
      <c r="AA31" s="44">
        <v>88.315484007114293</v>
      </c>
      <c r="AB31" s="44">
        <v>105.25110786313873</v>
      </c>
      <c r="AC31" s="44">
        <v>107.8196174364749</v>
      </c>
      <c r="AD31" s="44">
        <v>92.687405917368352</v>
      </c>
      <c r="AE31" s="47">
        <v>99.329077882345246</v>
      </c>
      <c r="AF31" s="46">
        <v>98.260705181980583</v>
      </c>
    </row>
    <row r="32" spans="1:32" ht="15.75" customHeight="1" x14ac:dyDescent="0.2">
      <c r="A32" s="41" t="s">
        <v>76</v>
      </c>
      <c r="B32" s="42" t="s">
        <v>77</v>
      </c>
      <c r="C32" s="43">
        <v>93.928350289538457</v>
      </c>
      <c r="D32" s="44">
        <v>92.981893318362665</v>
      </c>
      <c r="E32" s="44">
        <v>96.685320691374812</v>
      </c>
      <c r="F32" s="44">
        <v>100.32244085050043</v>
      </c>
      <c r="G32" s="44">
        <v>97.400681000472318</v>
      </c>
      <c r="H32" s="44">
        <v>120.4007583523149</v>
      </c>
      <c r="I32" s="44">
        <v>100.79569829848744</v>
      </c>
      <c r="J32" s="44">
        <v>96.902204745900022</v>
      </c>
      <c r="K32" s="44">
        <v>73.292239292672761</v>
      </c>
      <c r="L32" s="44">
        <v>78.712217908645485</v>
      </c>
      <c r="M32" s="44">
        <v>92.450629377991234</v>
      </c>
      <c r="N32" s="44">
        <v>95.60471874574128</v>
      </c>
      <c r="O32" s="44">
        <v>106.93646847829534</v>
      </c>
      <c r="P32" s="45">
        <v>98.664277869736253</v>
      </c>
      <c r="Q32" s="46">
        <v>96.98138806044301</v>
      </c>
      <c r="R32" s="43">
        <v>103.37815521253347</v>
      </c>
      <c r="S32" s="44">
        <v>95.117175195285824</v>
      </c>
      <c r="T32" s="44">
        <v>89.984003822935094</v>
      </c>
      <c r="U32" s="44">
        <v>122.02373643619711</v>
      </c>
      <c r="V32" s="44">
        <v>97.624350051995975</v>
      </c>
      <c r="W32" s="44">
        <v>103.02941865893007</v>
      </c>
      <c r="X32" s="44">
        <v>106.42469364054675</v>
      </c>
      <c r="Y32" s="44">
        <v>100.61045613093884</v>
      </c>
      <c r="Z32" s="44">
        <v>81.275345243447347</v>
      </c>
      <c r="AA32" s="44">
        <v>56.481416174103607</v>
      </c>
      <c r="AB32" s="44">
        <v>97.784306090600751</v>
      </c>
      <c r="AC32" s="44">
        <v>93.806529614959985</v>
      </c>
      <c r="AD32" s="44">
        <v>106.95327362106106</v>
      </c>
      <c r="AE32" s="47">
        <v>101.01806054758848</v>
      </c>
      <c r="AF32" s="46">
        <v>99.443667003461911</v>
      </c>
    </row>
    <row r="33" spans="1:32" ht="15.75" customHeight="1" x14ac:dyDescent="0.2">
      <c r="A33" s="41" t="s">
        <v>78</v>
      </c>
      <c r="B33" s="42" t="s">
        <v>79</v>
      </c>
      <c r="C33" s="43">
        <v>97.88173539129312</v>
      </c>
      <c r="D33" s="44">
        <v>91.057589989008335</v>
      </c>
      <c r="E33" s="44">
        <v>82.292236300990695</v>
      </c>
      <c r="F33" s="44">
        <v>119.77566339080704</v>
      </c>
      <c r="G33" s="44">
        <v>114.77046144185792</v>
      </c>
      <c r="H33" s="44">
        <v>80.01292984886291</v>
      </c>
      <c r="I33" s="44">
        <v>85.577257204336064</v>
      </c>
      <c r="J33" s="44">
        <v>78.13410313339277</v>
      </c>
      <c r="K33" s="44">
        <v>72.443192834113987</v>
      </c>
      <c r="L33" s="44">
        <v>113.05992145972209</v>
      </c>
      <c r="M33" s="44">
        <v>99.811470420756933</v>
      </c>
      <c r="N33" s="44">
        <v>94.744306085332653</v>
      </c>
      <c r="O33" s="44">
        <v>111.86324800973662</v>
      </c>
      <c r="P33" s="45">
        <v>102.17090619591033</v>
      </c>
      <c r="Q33" s="46">
        <v>99.870027361426182</v>
      </c>
      <c r="R33" s="43">
        <v>108.67539050989339</v>
      </c>
      <c r="S33" s="44">
        <v>93.260578971457292</v>
      </c>
      <c r="T33" s="44">
        <v>74.72379255951617</v>
      </c>
      <c r="U33" s="44">
        <v>91.111250356115107</v>
      </c>
      <c r="V33" s="44">
        <v>122.95479296846879</v>
      </c>
      <c r="W33" s="44">
        <v>62.226570416626807</v>
      </c>
      <c r="X33" s="44">
        <v>57.293171195170423</v>
      </c>
      <c r="Y33" s="44">
        <v>91.023284373765748</v>
      </c>
      <c r="Z33" s="44">
        <v>102.65292857005986</v>
      </c>
      <c r="AA33" s="44">
        <v>70.592817718847911</v>
      </c>
      <c r="AB33" s="44">
        <v>89.20893603358698</v>
      </c>
      <c r="AC33" s="44">
        <v>85.533228113324995</v>
      </c>
      <c r="AD33" s="44">
        <v>109.4112816022573</v>
      </c>
      <c r="AE33" s="47">
        <v>99.011901515251168</v>
      </c>
      <c r="AF33" s="46">
        <v>95.60240542810665</v>
      </c>
    </row>
    <row r="34" spans="1:32" ht="15.75" customHeight="1" x14ac:dyDescent="0.2">
      <c r="A34" s="41" t="s">
        <v>80</v>
      </c>
      <c r="B34" s="42" t="s">
        <v>81</v>
      </c>
      <c r="C34" s="43">
        <v>91.704145862351936</v>
      </c>
      <c r="D34" s="44">
        <v>91.884851801879392</v>
      </c>
      <c r="E34" s="44">
        <v>99.768378046892167</v>
      </c>
      <c r="F34" s="44">
        <v>98.774546285131564</v>
      </c>
      <c r="G34" s="44">
        <v>80.659977065842156</v>
      </c>
      <c r="H34" s="44">
        <v>86.222766484478839</v>
      </c>
      <c r="I34" s="44">
        <v>110.54031852355537</v>
      </c>
      <c r="J34" s="44">
        <v>90.18721756154595</v>
      </c>
      <c r="K34" s="44">
        <v>77.077884533305706</v>
      </c>
      <c r="L34" s="44">
        <v>63.241229342455213</v>
      </c>
      <c r="M34" s="44">
        <v>84.539072229207747</v>
      </c>
      <c r="N34" s="44">
        <v>99.735567591565399</v>
      </c>
      <c r="O34" s="44">
        <v>98.653128759921998</v>
      </c>
      <c r="P34" s="45">
        <v>96.713069946788764</v>
      </c>
      <c r="Q34" s="46">
        <v>94.064046210914753</v>
      </c>
      <c r="R34" s="43">
        <v>107.24342040068041</v>
      </c>
      <c r="S34" s="44">
        <v>96.89048007229222</v>
      </c>
      <c r="T34" s="44">
        <v>93.195182449762598</v>
      </c>
      <c r="U34" s="44">
        <v>103.8401012125055</v>
      </c>
      <c r="V34" s="44">
        <v>100.10141163689237</v>
      </c>
      <c r="W34" s="44">
        <v>151.58188307066271</v>
      </c>
      <c r="X34" s="44">
        <v>138.04750686455156</v>
      </c>
      <c r="Y34" s="44">
        <v>95.614496271460197</v>
      </c>
      <c r="Z34" s="44">
        <v>75.199462546248057</v>
      </c>
      <c r="AA34" s="44">
        <v>25.237679506311391</v>
      </c>
      <c r="AB34" s="44">
        <v>98.915412094775888</v>
      </c>
      <c r="AC34" s="44">
        <v>98.641150190790768</v>
      </c>
      <c r="AD34" s="44">
        <v>103.28375735025729</v>
      </c>
      <c r="AE34" s="47">
        <v>101.18543542376565</v>
      </c>
      <c r="AF34" s="46">
        <v>100.42641201899602</v>
      </c>
    </row>
    <row r="35" spans="1:32" ht="15.75" customHeight="1" x14ac:dyDescent="0.2">
      <c r="A35" s="41" t="s">
        <v>82</v>
      </c>
      <c r="B35" s="42" t="s">
        <v>83</v>
      </c>
      <c r="C35" s="43">
        <v>93.2245497541183</v>
      </c>
      <c r="D35" s="44">
        <v>95.599259345104343</v>
      </c>
      <c r="E35" s="44">
        <v>104.50096160599028</v>
      </c>
      <c r="F35" s="44">
        <v>87.649174821803484</v>
      </c>
      <c r="G35" s="44">
        <v>102.0366955654888</v>
      </c>
      <c r="H35" s="44">
        <v>187.597038275377</v>
      </c>
      <c r="I35" s="44">
        <v>101.84028118975665</v>
      </c>
      <c r="J35" s="44">
        <v>118.38546090045729</v>
      </c>
      <c r="K35" s="44">
        <v>70.041368243646573</v>
      </c>
      <c r="L35" s="44">
        <v>68.694020603931492</v>
      </c>
      <c r="M35" s="44">
        <v>94.832530778086465</v>
      </c>
      <c r="N35" s="44">
        <v>91.984100006183809</v>
      </c>
      <c r="O35" s="44">
        <v>112.16914774553851</v>
      </c>
      <c r="P35" s="45">
        <v>98.090553054127511</v>
      </c>
      <c r="Q35" s="46">
        <v>97.8424420378077</v>
      </c>
      <c r="R35" s="43">
        <v>95.610772820466636</v>
      </c>
      <c r="S35" s="44">
        <v>94.728275394558693</v>
      </c>
      <c r="T35" s="44">
        <v>98.172567206541189</v>
      </c>
      <c r="U35" s="44">
        <v>162.41433159649316</v>
      </c>
      <c r="V35" s="44">
        <v>76.665383152173405</v>
      </c>
      <c r="W35" s="44">
        <v>84.774504409062672</v>
      </c>
      <c r="X35" s="44">
        <v>110.36055676253915</v>
      </c>
      <c r="Y35" s="44">
        <v>112.72126015068537</v>
      </c>
      <c r="Z35" s="44">
        <v>71.310498440286182</v>
      </c>
      <c r="AA35" s="44">
        <v>77.195192963956515</v>
      </c>
      <c r="AB35" s="44">
        <v>102.88928543498679</v>
      </c>
      <c r="AC35" s="44">
        <v>95.062420593994418</v>
      </c>
      <c r="AD35" s="44">
        <v>109.0053794369958</v>
      </c>
      <c r="AE35" s="47">
        <v>102.27850133143068</v>
      </c>
      <c r="AF35" s="46">
        <v>101.2146955275223</v>
      </c>
    </row>
    <row r="36" spans="1:32" ht="15.75" customHeight="1" x14ac:dyDescent="0.2">
      <c r="A36" s="41" t="s">
        <v>84</v>
      </c>
      <c r="B36" s="42" t="s">
        <v>85</v>
      </c>
      <c r="C36" s="43">
        <v>112.43386530766091</v>
      </c>
      <c r="D36" s="44">
        <v>109.08718313133873</v>
      </c>
      <c r="E36" s="44">
        <v>116.48369801183392</v>
      </c>
      <c r="F36" s="44">
        <v>102.05106114958222</v>
      </c>
      <c r="G36" s="44">
        <v>73.741590182231391</v>
      </c>
      <c r="H36" s="44">
        <v>138.6789344872584</v>
      </c>
      <c r="I36" s="44">
        <v>141.82089780114293</v>
      </c>
      <c r="J36" s="44">
        <v>101.91263325151692</v>
      </c>
      <c r="K36" s="44">
        <v>148.8020920167861</v>
      </c>
      <c r="L36" s="44">
        <v>98.142399420055199</v>
      </c>
      <c r="M36" s="44">
        <v>95.999480215071117</v>
      </c>
      <c r="N36" s="44">
        <v>98.774069831272442</v>
      </c>
      <c r="O36" s="44">
        <v>91.203718190995545</v>
      </c>
      <c r="P36" s="45">
        <v>96.719673178210115</v>
      </c>
      <c r="Q36" s="46">
        <v>99.726809613486068</v>
      </c>
      <c r="R36" s="43">
        <v>115.53921477111165</v>
      </c>
      <c r="S36" s="44">
        <v>109.49610858859799</v>
      </c>
      <c r="T36" s="44">
        <v>115.47536524504238</v>
      </c>
      <c r="U36" s="44">
        <v>206.76618954210227</v>
      </c>
      <c r="V36" s="44">
        <v>61.810979749592903</v>
      </c>
      <c r="W36" s="44">
        <v>121.75388325597228</v>
      </c>
      <c r="X36" s="44">
        <v>141.01965027522604</v>
      </c>
      <c r="Y36" s="44">
        <v>114.82051147961242</v>
      </c>
      <c r="Z36" s="44">
        <v>154.67546385437626</v>
      </c>
      <c r="AA36" s="44">
        <v>239.95800625554921</v>
      </c>
      <c r="AB36" s="44">
        <v>102.21260345384842</v>
      </c>
      <c r="AC36" s="44">
        <v>104.15048889207307</v>
      </c>
      <c r="AD36" s="44">
        <v>102.09405364532337</v>
      </c>
      <c r="AE36" s="47">
        <v>101.34615194448571</v>
      </c>
      <c r="AF36" s="46">
        <v>104.26481244734889</v>
      </c>
    </row>
    <row r="37" spans="1:32" ht="15.75" customHeight="1" x14ac:dyDescent="0.2">
      <c r="A37" s="41" t="s">
        <v>86</v>
      </c>
      <c r="B37" s="42" t="s">
        <v>87</v>
      </c>
      <c r="C37" s="43">
        <v>103.05392181751003</v>
      </c>
      <c r="D37" s="44">
        <v>101.28352641339882</v>
      </c>
      <c r="E37" s="44">
        <v>102.37156707565858</v>
      </c>
      <c r="F37" s="44">
        <v>89.456110458707172</v>
      </c>
      <c r="G37" s="44">
        <v>55.017718496806808</v>
      </c>
      <c r="H37" s="44">
        <v>81.304017311911537</v>
      </c>
      <c r="I37" s="44">
        <v>115.96965682190563</v>
      </c>
      <c r="J37" s="44">
        <v>91.947073192477845</v>
      </c>
      <c r="K37" s="44">
        <v>81.481779316628035</v>
      </c>
      <c r="L37" s="44">
        <v>104.41437873758628</v>
      </c>
      <c r="M37" s="44">
        <v>98.384795699818838</v>
      </c>
      <c r="N37" s="44">
        <v>93.951243118016919</v>
      </c>
      <c r="O37" s="44">
        <v>107.8952956854399</v>
      </c>
      <c r="P37" s="45">
        <v>96.967793054382511</v>
      </c>
      <c r="Q37" s="46">
        <v>98.16593122749515</v>
      </c>
      <c r="R37" s="43">
        <v>116.58686264315436</v>
      </c>
      <c r="S37" s="44">
        <v>103.54593428121478</v>
      </c>
      <c r="T37" s="44">
        <v>95.154779511174638</v>
      </c>
      <c r="U37" s="44">
        <v>132.09070719071337</v>
      </c>
      <c r="V37" s="44">
        <v>76.577394538350291</v>
      </c>
      <c r="W37" s="44">
        <v>58.944725026633009</v>
      </c>
      <c r="X37" s="44">
        <v>176.05403902965077</v>
      </c>
      <c r="Y37" s="44">
        <v>110.15116622621005</v>
      </c>
      <c r="Z37" s="44">
        <v>69.501594221285615</v>
      </c>
      <c r="AA37" s="44">
        <v>61.156109669432816</v>
      </c>
      <c r="AB37" s="44">
        <v>92.092357695982741</v>
      </c>
      <c r="AC37" s="44">
        <v>84.407480761536988</v>
      </c>
      <c r="AD37" s="44">
        <v>98.048154736488812</v>
      </c>
      <c r="AE37" s="47">
        <v>95.522551304238334</v>
      </c>
      <c r="AF37" s="46">
        <v>95.310330197450668</v>
      </c>
    </row>
    <row r="38" spans="1:32" ht="15.75" customHeight="1" x14ac:dyDescent="0.2">
      <c r="A38" s="41" t="s">
        <v>88</v>
      </c>
      <c r="B38" s="42" t="s">
        <v>89</v>
      </c>
      <c r="C38" s="43">
        <v>93.525066002369684</v>
      </c>
      <c r="D38" s="44">
        <v>87.978186627706407</v>
      </c>
      <c r="E38" s="44">
        <v>103.64709565210762</v>
      </c>
      <c r="F38" s="44">
        <v>96.460052709624847</v>
      </c>
      <c r="G38" s="44">
        <v>132.46427205792304</v>
      </c>
      <c r="H38" s="44">
        <v>159.06897794171638</v>
      </c>
      <c r="I38" s="44">
        <v>62.399619152483872</v>
      </c>
      <c r="J38" s="44">
        <v>78.695762186674742</v>
      </c>
      <c r="K38" s="44">
        <v>126.32113342184711</v>
      </c>
      <c r="L38" s="44">
        <v>41.444813990765795</v>
      </c>
      <c r="M38" s="44">
        <v>84.057867342643135</v>
      </c>
      <c r="N38" s="44">
        <v>84.271496481435079</v>
      </c>
      <c r="O38" s="44">
        <v>126.70781193926442</v>
      </c>
      <c r="P38" s="45">
        <v>94.383526404644314</v>
      </c>
      <c r="Q38" s="46">
        <v>94.250715096504138</v>
      </c>
      <c r="R38" s="43">
        <v>81.954508232674115</v>
      </c>
      <c r="S38" s="44">
        <v>88.348780305357465</v>
      </c>
      <c r="T38" s="44">
        <v>95.308089509422615</v>
      </c>
      <c r="U38" s="44">
        <v>79.139086146678849</v>
      </c>
      <c r="V38" s="44">
        <v>142.35180838075007</v>
      </c>
      <c r="W38" s="44">
        <v>203.51550062756493</v>
      </c>
      <c r="X38" s="44">
        <v>92.935298733608406</v>
      </c>
      <c r="Y38" s="44">
        <v>79.685792528261302</v>
      </c>
      <c r="Z38" s="44">
        <v>119.82140723729198</v>
      </c>
      <c r="AA38" s="44">
        <v>40.434479484575867</v>
      </c>
      <c r="AB38" s="44">
        <v>93.556051201098612</v>
      </c>
      <c r="AC38" s="44">
        <v>93.109382320115088</v>
      </c>
      <c r="AD38" s="44">
        <v>101.53252332894245</v>
      </c>
      <c r="AE38" s="47">
        <v>90.502382042681703</v>
      </c>
      <c r="AF38" s="46">
        <v>92.112286555399606</v>
      </c>
    </row>
    <row r="39" spans="1:32" ht="15.75" customHeight="1" x14ac:dyDescent="0.2">
      <c r="A39" s="41" t="s">
        <v>90</v>
      </c>
      <c r="B39" s="42" t="s">
        <v>91</v>
      </c>
      <c r="C39" s="43">
        <v>93.894298703565767</v>
      </c>
      <c r="D39" s="44">
        <v>102.0334486952233</v>
      </c>
      <c r="E39" s="44">
        <v>100.63384891680886</v>
      </c>
      <c r="F39" s="44">
        <v>100.08097065402275</v>
      </c>
      <c r="G39" s="44">
        <v>143.65106222907963</v>
      </c>
      <c r="H39" s="44">
        <v>84.419930394943606</v>
      </c>
      <c r="I39" s="44">
        <v>103.53952164348914</v>
      </c>
      <c r="J39" s="44">
        <v>85.496886360587254</v>
      </c>
      <c r="K39" s="44">
        <v>90.814630932893863</v>
      </c>
      <c r="L39" s="44">
        <v>135.88465235426062</v>
      </c>
      <c r="M39" s="44">
        <v>94.532669236324494</v>
      </c>
      <c r="N39" s="44">
        <v>86.193778050753153</v>
      </c>
      <c r="O39" s="44">
        <v>115.11267649638822</v>
      </c>
      <c r="P39" s="45">
        <v>91.834305455058015</v>
      </c>
      <c r="Q39" s="46">
        <v>94.559566778867918</v>
      </c>
      <c r="R39" s="43">
        <v>88.831831879306208</v>
      </c>
      <c r="S39" s="44">
        <v>97.960365269362768</v>
      </c>
      <c r="T39" s="44">
        <v>93.615099421906436</v>
      </c>
      <c r="U39" s="44">
        <v>80.283789156514757</v>
      </c>
      <c r="V39" s="44">
        <v>111.73153530235753</v>
      </c>
      <c r="W39" s="44">
        <v>43.642279408428628</v>
      </c>
      <c r="X39" s="44">
        <v>70.560941666043675</v>
      </c>
      <c r="Y39" s="44">
        <v>76.981169510748614</v>
      </c>
      <c r="Z39" s="44">
        <v>85.312152452122021</v>
      </c>
      <c r="AA39" s="44">
        <v>51.305635181108549</v>
      </c>
      <c r="AB39" s="44">
        <v>94.604535408812509</v>
      </c>
      <c r="AC39" s="44">
        <v>93.968128416186659</v>
      </c>
      <c r="AD39" s="44">
        <v>109.10154752618162</v>
      </c>
      <c r="AE39" s="47">
        <v>97.777195053418311</v>
      </c>
      <c r="AF39" s="46">
        <v>96.679068741474495</v>
      </c>
    </row>
    <row r="40" spans="1:32" ht="15.75" customHeight="1" x14ac:dyDescent="0.2">
      <c r="A40" s="41" t="s">
        <v>92</v>
      </c>
      <c r="B40" s="42" t="s">
        <v>93</v>
      </c>
      <c r="C40" s="43">
        <v>100.18709415884886</v>
      </c>
      <c r="D40" s="44">
        <v>104.85314044952818</v>
      </c>
      <c r="E40" s="44">
        <v>102.21839612789942</v>
      </c>
      <c r="F40" s="44">
        <v>83.547548563741699</v>
      </c>
      <c r="G40" s="44">
        <v>146.55886272838853</v>
      </c>
      <c r="H40" s="44">
        <v>77.938574985193029</v>
      </c>
      <c r="I40" s="44">
        <v>174.94975353690958</v>
      </c>
      <c r="J40" s="44">
        <v>86.439059951819317</v>
      </c>
      <c r="K40" s="44">
        <v>124.56631841346854</v>
      </c>
      <c r="L40" s="44">
        <v>94.266229667268504</v>
      </c>
      <c r="M40" s="44">
        <v>97.643165561957886</v>
      </c>
      <c r="N40" s="44">
        <v>98.042502518813961</v>
      </c>
      <c r="O40" s="44">
        <v>142.41205536764861</v>
      </c>
      <c r="P40" s="45">
        <v>105.01837063550799</v>
      </c>
      <c r="Q40" s="46">
        <v>106.07513243386451</v>
      </c>
      <c r="R40" s="43">
        <v>112.75939756752798</v>
      </c>
      <c r="S40" s="44">
        <v>116.5197354925228</v>
      </c>
      <c r="T40" s="44">
        <v>107.96138773420063</v>
      </c>
      <c r="U40" s="44">
        <v>84.840793199027232</v>
      </c>
      <c r="V40" s="44">
        <v>158.76343504883488</v>
      </c>
      <c r="W40" s="44">
        <v>164.25366338518535</v>
      </c>
      <c r="X40" s="44">
        <v>41.880382408871867</v>
      </c>
      <c r="Y40" s="44">
        <v>77.868802970298049</v>
      </c>
      <c r="Z40" s="44">
        <v>130.13793317198801</v>
      </c>
      <c r="AA40" s="44">
        <v>108.2256123376701</v>
      </c>
      <c r="AB40" s="44">
        <v>87.497762332872568</v>
      </c>
      <c r="AC40" s="44">
        <v>105.66728488511153</v>
      </c>
      <c r="AD40" s="44">
        <v>127.85538467179583</v>
      </c>
      <c r="AE40" s="47">
        <v>104.36217768466669</v>
      </c>
      <c r="AF40" s="46">
        <v>104.26388638941137</v>
      </c>
    </row>
    <row r="41" spans="1:32" ht="15.75" customHeight="1" x14ac:dyDescent="0.2">
      <c r="A41" s="41" t="s">
        <v>94</v>
      </c>
      <c r="B41" s="42" t="s">
        <v>95</v>
      </c>
      <c r="C41" s="43">
        <v>101.04505226787563</v>
      </c>
      <c r="D41" s="44">
        <v>99.491508785707708</v>
      </c>
      <c r="E41" s="44">
        <v>105.0246115330735</v>
      </c>
      <c r="F41" s="44">
        <v>118.00917794561995</v>
      </c>
      <c r="G41" s="44">
        <v>110.68841119799129</v>
      </c>
      <c r="H41" s="44">
        <v>69.946913965598753</v>
      </c>
      <c r="I41" s="44">
        <v>49.885694563952683</v>
      </c>
      <c r="J41" s="44">
        <v>82.281121069901047</v>
      </c>
      <c r="K41" s="44">
        <v>110.07000543517466</v>
      </c>
      <c r="L41" s="44">
        <v>86.855626473159901</v>
      </c>
      <c r="M41" s="44">
        <v>91.599529888549839</v>
      </c>
      <c r="N41" s="44">
        <v>88.035005661649294</v>
      </c>
      <c r="O41" s="44">
        <v>88.130015121170828</v>
      </c>
      <c r="P41" s="45">
        <v>94.76693983097438</v>
      </c>
      <c r="Q41" s="46">
        <v>93.818528843503671</v>
      </c>
      <c r="R41" s="43">
        <v>108.73399933848286</v>
      </c>
      <c r="S41" s="44">
        <v>104.71935265016496</v>
      </c>
      <c r="T41" s="44">
        <v>106.43614966658897</v>
      </c>
      <c r="U41" s="44">
        <v>172.38446317515016</v>
      </c>
      <c r="V41" s="44">
        <v>119.88598675012916</v>
      </c>
      <c r="W41" s="44">
        <v>129.95071346436225</v>
      </c>
      <c r="X41" s="44">
        <v>55.263611618810089</v>
      </c>
      <c r="Y41" s="44">
        <v>98.493613101229869</v>
      </c>
      <c r="Z41" s="44">
        <v>89.464745721604643</v>
      </c>
      <c r="AA41" s="44">
        <v>42.656993426830851</v>
      </c>
      <c r="AB41" s="44">
        <v>107.82216273700277</v>
      </c>
      <c r="AC41" s="44">
        <v>88.064092578897387</v>
      </c>
      <c r="AD41" s="44">
        <v>87.736775998394734</v>
      </c>
      <c r="AE41" s="47">
        <v>93.113920683069466</v>
      </c>
      <c r="AF41" s="46">
        <v>95.788114008648861</v>
      </c>
    </row>
    <row r="42" spans="1:32" ht="15.75" customHeight="1" x14ac:dyDescent="0.2">
      <c r="A42" s="41" t="s">
        <v>96</v>
      </c>
      <c r="B42" s="42" t="s">
        <v>97</v>
      </c>
      <c r="C42" s="43">
        <v>102.19008174853772</v>
      </c>
      <c r="D42" s="44">
        <v>99.721726143011253</v>
      </c>
      <c r="E42" s="44">
        <v>103.93888955490905</v>
      </c>
      <c r="F42" s="44">
        <v>96.968261950283548</v>
      </c>
      <c r="G42" s="44">
        <v>112.04713355600846</v>
      </c>
      <c r="H42" s="44">
        <v>63.192701655309136</v>
      </c>
      <c r="I42" s="44">
        <v>82.207966253426903</v>
      </c>
      <c r="J42" s="44">
        <v>71.565029517439939</v>
      </c>
      <c r="K42" s="44">
        <v>148.99045133080196</v>
      </c>
      <c r="L42" s="44">
        <v>56.76802665498154</v>
      </c>
      <c r="M42" s="44">
        <v>85.148410863616263</v>
      </c>
      <c r="N42" s="44">
        <v>112.08768236291893</v>
      </c>
      <c r="O42" s="44">
        <v>89.056985013836581</v>
      </c>
      <c r="P42" s="45">
        <v>99.843917155178616</v>
      </c>
      <c r="Q42" s="46">
        <v>97.519793576908782</v>
      </c>
      <c r="R42" s="43">
        <v>84.288494256462982</v>
      </c>
      <c r="S42" s="44">
        <v>95.07003175937578</v>
      </c>
      <c r="T42" s="44">
        <v>144.60929084177363</v>
      </c>
      <c r="U42" s="44">
        <v>57.936115902516406</v>
      </c>
      <c r="V42" s="44">
        <v>102.12347193225349</v>
      </c>
      <c r="W42" s="44">
        <v>30.384634679236203</v>
      </c>
      <c r="X42" s="44">
        <v>202.36398215273681</v>
      </c>
      <c r="Y42" s="44">
        <v>107.3709415331686</v>
      </c>
      <c r="Z42" s="44">
        <v>154.20672742526821</v>
      </c>
      <c r="AA42" s="44">
        <v>105.33154702024895</v>
      </c>
      <c r="AB42" s="44">
        <v>105.28970110705093</v>
      </c>
      <c r="AC42" s="44">
        <v>112.04079324537719</v>
      </c>
      <c r="AD42" s="44">
        <v>87.45383664789783</v>
      </c>
      <c r="AE42" s="47">
        <v>102.39266425949252</v>
      </c>
      <c r="AF42" s="46">
        <v>104.13139828387486</v>
      </c>
    </row>
    <row r="43" spans="1:32" ht="15.75" customHeight="1" x14ac:dyDescent="0.2">
      <c r="A43" s="41" t="s">
        <v>98</v>
      </c>
      <c r="B43" s="42" t="s">
        <v>99</v>
      </c>
      <c r="C43" s="43">
        <v>136.706246075991</v>
      </c>
      <c r="D43" s="44">
        <v>108.22923556936901</v>
      </c>
      <c r="E43" s="44">
        <v>111.85606000969304</v>
      </c>
      <c r="F43" s="44">
        <v>109.23727860633714</v>
      </c>
      <c r="G43" s="44">
        <v>87.588246378975896</v>
      </c>
      <c r="H43" s="44">
        <v>45.98544567715193</v>
      </c>
      <c r="I43" s="44">
        <v>104.53362595272793</v>
      </c>
      <c r="J43" s="44">
        <v>108.08123570286206</v>
      </c>
      <c r="K43" s="44">
        <v>184.90205904185277</v>
      </c>
      <c r="L43" s="44">
        <v>57.602345128268624</v>
      </c>
      <c r="M43" s="44">
        <v>90.621989130314404</v>
      </c>
      <c r="N43" s="44">
        <v>99.202309882461961</v>
      </c>
      <c r="O43" s="44">
        <v>88.493560947303322</v>
      </c>
      <c r="P43" s="45">
        <v>96.193112910791228</v>
      </c>
      <c r="Q43" s="46">
        <v>99.928289349776861</v>
      </c>
      <c r="R43" s="43">
        <v>145.92325278334667</v>
      </c>
      <c r="S43" s="44">
        <v>130.78839187869912</v>
      </c>
      <c r="T43" s="44">
        <v>104.22937147826595</v>
      </c>
      <c r="U43" s="44">
        <v>157.83775855279188</v>
      </c>
      <c r="V43" s="44">
        <v>124.96100894582828</v>
      </c>
      <c r="W43" s="44">
        <v>31.075082741275189</v>
      </c>
      <c r="X43" s="44">
        <v>134.69052553438198</v>
      </c>
      <c r="Y43" s="44">
        <v>52.755716228747225</v>
      </c>
      <c r="Z43" s="44">
        <v>81.408010486035494</v>
      </c>
      <c r="AA43" s="44">
        <v>49.852527562233746</v>
      </c>
      <c r="AB43" s="44">
        <v>111.23935668872402</v>
      </c>
      <c r="AC43" s="44">
        <v>108.05993925321557</v>
      </c>
      <c r="AD43" s="44">
        <v>82.142060585131944</v>
      </c>
      <c r="AE43" s="47">
        <v>97.916525134605848</v>
      </c>
      <c r="AF43" s="46">
        <v>103.14678748915486</v>
      </c>
    </row>
    <row r="44" spans="1:32" ht="15.75" customHeight="1" x14ac:dyDescent="0.2">
      <c r="A44" s="41" t="s">
        <v>100</v>
      </c>
      <c r="B44" s="42" t="s">
        <v>101</v>
      </c>
      <c r="C44" s="43">
        <v>96.12040405014757</v>
      </c>
      <c r="D44" s="44">
        <v>88.995059656220633</v>
      </c>
      <c r="E44" s="44">
        <v>90.74330712664063</v>
      </c>
      <c r="F44" s="44">
        <v>100.29637652577837</v>
      </c>
      <c r="G44" s="44">
        <v>100.33032864294647</v>
      </c>
      <c r="H44" s="44">
        <v>52.229388706655335</v>
      </c>
      <c r="I44" s="44">
        <v>74.330523955832462</v>
      </c>
      <c r="J44" s="44">
        <v>97.58296021045679</v>
      </c>
      <c r="K44" s="44">
        <v>70.991506288382553</v>
      </c>
      <c r="L44" s="44">
        <v>142.43571504249101</v>
      </c>
      <c r="M44" s="44">
        <v>90.469722867307595</v>
      </c>
      <c r="N44" s="44">
        <v>80.991398811864059</v>
      </c>
      <c r="O44" s="44">
        <v>130.89922379530424</v>
      </c>
      <c r="P44" s="45">
        <v>91.767383179719999</v>
      </c>
      <c r="Q44" s="46">
        <v>93.410934135807494</v>
      </c>
      <c r="R44" s="43">
        <v>105.21969731749687</v>
      </c>
      <c r="S44" s="44">
        <v>95.402729659224903</v>
      </c>
      <c r="T44" s="44">
        <v>91.308296504137957</v>
      </c>
      <c r="U44" s="44">
        <v>82.150020579949725</v>
      </c>
      <c r="V44" s="44">
        <v>110.8354683791608</v>
      </c>
      <c r="W44" s="44">
        <v>42.199936019929325</v>
      </c>
      <c r="X44" s="44">
        <v>86.906518624712106</v>
      </c>
      <c r="Y44" s="44">
        <v>138.89442378405832</v>
      </c>
      <c r="Z44" s="44">
        <v>80.875652985294749</v>
      </c>
      <c r="AA44" s="44">
        <v>73.382143416862732</v>
      </c>
      <c r="AB44" s="44">
        <v>97.530780183930815</v>
      </c>
      <c r="AC44" s="44">
        <v>76.250250563121</v>
      </c>
      <c r="AD44" s="44">
        <v>120.84575164604539</v>
      </c>
      <c r="AE44" s="47">
        <v>98.479057988516729</v>
      </c>
      <c r="AF44" s="46">
        <v>97.243950967606892</v>
      </c>
    </row>
    <row r="45" spans="1:32" ht="15.75" customHeight="1" x14ac:dyDescent="0.2">
      <c r="A45" s="41" t="s">
        <v>102</v>
      </c>
      <c r="B45" s="42" t="s">
        <v>103</v>
      </c>
      <c r="C45" s="43">
        <v>101.14927299538707</v>
      </c>
      <c r="D45" s="44">
        <v>94.601081391023172</v>
      </c>
      <c r="E45" s="44">
        <v>109.40412137209027</v>
      </c>
      <c r="F45" s="44">
        <v>70.724513229316898</v>
      </c>
      <c r="G45" s="44">
        <v>106.91716111625773</v>
      </c>
      <c r="H45" s="44">
        <v>65.07266660669903</v>
      </c>
      <c r="I45" s="44">
        <v>76.510123646555385</v>
      </c>
      <c r="J45" s="44">
        <v>103.71198216678823</v>
      </c>
      <c r="K45" s="44">
        <v>85.698965448314937</v>
      </c>
      <c r="L45" s="44">
        <v>85.674902688968629</v>
      </c>
      <c r="M45" s="44">
        <v>94.98327038325364</v>
      </c>
      <c r="N45" s="44">
        <v>100.59279419408263</v>
      </c>
      <c r="O45" s="44">
        <v>104.19326886169061</v>
      </c>
      <c r="P45" s="45">
        <v>94.833571969683661</v>
      </c>
      <c r="Q45" s="46">
        <v>96.189004743650685</v>
      </c>
      <c r="R45" s="43">
        <v>114.99334996846504</v>
      </c>
      <c r="S45" s="44">
        <v>98.600605803975967</v>
      </c>
      <c r="T45" s="44">
        <v>110.42140269061871</v>
      </c>
      <c r="U45" s="44">
        <v>61.143231456213179</v>
      </c>
      <c r="V45" s="44">
        <v>141.12357644954105</v>
      </c>
      <c r="W45" s="44">
        <v>119.63914131129492</v>
      </c>
      <c r="X45" s="44">
        <v>77.956694317241286</v>
      </c>
      <c r="Y45" s="44">
        <v>81.85767349103422</v>
      </c>
      <c r="Z45" s="44">
        <v>85.168064339655061</v>
      </c>
      <c r="AA45" s="44">
        <v>104.85997934311067</v>
      </c>
      <c r="AB45" s="44">
        <v>89.193799548682321</v>
      </c>
      <c r="AC45" s="44">
        <v>95.74702798799801</v>
      </c>
      <c r="AD45" s="44">
        <v>112.61172933474349</v>
      </c>
      <c r="AE45" s="47">
        <v>94.776144649109099</v>
      </c>
      <c r="AF45" s="46">
        <v>96.815092060539286</v>
      </c>
    </row>
    <row r="46" spans="1:32" ht="15.75" customHeight="1" x14ac:dyDescent="0.2">
      <c r="A46" s="41" t="s">
        <v>104</v>
      </c>
      <c r="B46" s="42" t="s">
        <v>105</v>
      </c>
      <c r="C46" s="43">
        <v>92.165713822619352</v>
      </c>
      <c r="D46" s="44">
        <v>91.752171992637841</v>
      </c>
      <c r="E46" s="44">
        <v>108.33708812953924</v>
      </c>
      <c r="F46" s="44">
        <v>109.55920072513489</v>
      </c>
      <c r="G46" s="44">
        <v>72.764892783105736</v>
      </c>
      <c r="H46" s="44">
        <v>135.7381080351031</v>
      </c>
      <c r="I46" s="44">
        <v>100.57051930917467</v>
      </c>
      <c r="J46" s="44">
        <v>96.012534373147702</v>
      </c>
      <c r="K46" s="44">
        <v>93.035359182574226</v>
      </c>
      <c r="L46" s="44">
        <v>91.45957960961367</v>
      </c>
      <c r="M46" s="44">
        <v>99.870666892363076</v>
      </c>
      <c r="N46" s="44">
        <v>76.105647341346426</v>
      </c>
      <c r="O46" s="44">
        <v>91.994152302040291</v>
      </c>
      <c r="P46" s="45">
        <v>102.34916912199475</v>
      </c>
      <c r="Q46" s="46">
        <v>98.680164245713826</v>
      </c>
      <c r="R46" s="43">
        <v>90.856480515111201</v>
      </c>
      <c r="S46" s="44">
        <v>90.127265855241205</v>
      </c>
      <c r="T46" s="44">
        <v>108.96184772844437</v>
      </c>
      <c r="U46" s="44">
        <v>124.26948275788314</v>
      </c>
      <c r="V46" s="44">
        <v>74.365075656491186</v>
      </c>
      <c r="W46" s="44">
        <v>77.234582095416599</v>
      </c>
      <c r="X46" s="44">
        <v>26.270847373049648</v>
      </c>
      <c r="Y46" s="44">
        <v>111.1487777485434</v>
      </c>
      <c r="Z46" s="44">
        <v>77.504422534124814</v>
      </c>
      <c r="AA46" s="44">
        <v>51.538790207332461</v>
      </c>
      <c r="AB46" s="44">
        <v>98.260121915882081</v>
      </c>
      <c r="AC46" s="44">
        <v>92.55684798456231</v>
      </c>
      <c r="AD46" s="44">
        <v>82.981031848344273</v>
      </c>
      <c r="AE46" s="47">
        <v>98.829655979036744</v>
      </c>
      <c r="AF46" s="46">
        <v>95.853214422266859</v>
      </c>
    </row>
    <row r="47" spans="1:32" ht="15.75" customHeight="1" x14ac:dyDescent="0.2">
      <c r="A47" s="41" t="s">
        <v>106</v>
      </c>
      <c r="B47" s="42" t="s">
        <v>107</v>
      </c>
      <c r="C47" s="43">
        <v>109.85399465157786</v>
      </c>
      <c r="D47" s="44">
        <v>89.523254402431974</v>
      </c>
      <c r="E47" s="44">
        <v>118.82490789420579</v>
      </c>
      <c r="F47" s="44">
        <v>61.836154931077459</v>
      </c>
      <c r="G47" s="44">
        <v>147.70430604040851</v>
      </c>
      <c r="H47" s="44">
        <v>74.686779393659506</v>
      </c>
      <c r="I47" s="44">
        <v>105.21676912404868</v>
      </c>
      <c r="J47" s="44">
        <v>95.40209417611365</v>
      </c>
      <c r="K47" s="44">
        <v>55.018759516049968</v>
      </c>
      <c r="L47" s="44">
        <v>125.495632997242</v>
      </c>
      <c r="M47" s="44">
        <v>108.1736278374136</v>
      </c>
      <c r="N47" s="44">
        <v>89.839407241793381</v>
      </c>
      <c r="O47" s="44">
        <v>117.35519341002437</v>
      </c>
      <c r="P47" s="45">
        <v>103.08018149795096</v>
      </c>
      <c r="Q47" s="46">
        <v>103.52325694869623</v>
      </c>
      <c r="R47" s="43">
        <v>109.75726823911604</v>
      </c>
      <c r="S47" s="44">
        <v>97.870179215117105</v>
      </c>
      <c r="T47" s="44">
        <v>127.7763391509833</v>
      </c>
      <c r="U47" s="44">
        <v>37.893676723506125</v>
      </c>
      <c r="V47" s="44">
        <v>147.56245889069626</v>
      </c>
      <c r="W47" s="44">
        <v>170.47077433734214</v>
      </c>
      <c r="X47" s="44">
        <v>110.45463923206863</v>
      </c>
      <c r="Y47" s="44">
        <v>99.501490293247031</v>
      </c>
      <c r="Z47" s="44">
        <v>54.597316641148424</v>
      </c>
      <c r="AA47" s="44">
        <v>2.8965756225706083</v>
      </c>
      <c r="AB47" s="44">
        <v>94.515098999470737</v>
      </c>
      <c r="AC47" s="44">
        <v>75.11955061817558</v>
      </c>
      <c r="AD47" s="44">
        <v>113.58028735210523</v>
      </c>
      <c r="AE47" s="47">
        <v>91.302573181599556</v>
      </c>
      <c r="AF47" s="46">
        <v>93.810863108771684</v>
      </c>
    </row>
    <row r="48" spans="1:32" ht="15.75" customHeight="1" x14ac:dyDescent="0.2">
      <c r="A48" s="41" t="s">
        <v>108</v>
      </c>
      <c r="B48" s="42" t="s">
        <v>109</v>
      </c>
      <c r="C48" s="43">
        <v>95.978869514607169</v>
      </c>
      <c r="D48" s="44">
        <v>88.326131033982591</v>
      </c>
      <c r="E48" s="44">
        <v>102.84131553114243</v>
      </c>
      <c r="F48" s="44">
        <v>90.92485766329392</v>
      </c>
      <c r="G48" s="44">
        <v>75.933930557480124</v>
      </c>
      <c r="H48" s="44">
        <v>34.044957143454397</v>
      </c>
      <c r="I48" s="44">
        <v>54.33587142186866</v>
      </c>
      <c r="J48" s="44">
        <v>109.71723759223569</v>
      </c>
      <c r="K48" s="44">
        <v>69.085889604924986</v>
      </c>
      <c r="L48" s="44">
        <v>75.113161851808073</v>
      </c>
      <c r="M48" s="44">
        <v>87.073030557465302</v>
      </c>
      <c r="N48" s="44">
        <v>98.920750018775777</v>
      </c>
      <c r="O48" s="44">
        <v>109.93652039216906</v>
      </c>
      <c r="P48" s="45">
        <v>90.52261548849728</v>
      </c>
      <c r="Q48" s="46">
        <v>91.650599770957612</v>
      </c>
      <c r="R48" s="43">
        <v>94.927553536337683</v>
      </c>
      <c r="S48" s="44">
        <v>82.966488168279326</v>
      </c>
      <c r="T48" s="44">
        <v>86.01543134373226</v>
      </c>
      <c r="U48" s="44">
        <v>48.82772035905051</v>
      </c>
      <c r="V48" s="44">
        <v>54.646214188663528</v>
      </c>
      <c r="W48" s="44">
        <v>47.245502793547672</v>
      </c>
      <c r="X48" s="44">
        <v>160.18768789231245</v>
      </c>
      <c r="Y48" s="44">
        <v>155.03590731627889</v>
      </c>
      <c r="Z48" s="44">
        <v>56.265859150579814</v>
      </c>
      <c r="AA48" s="44">
        <v>219.4118276080309</v>
      </c>
      <c r="AB48" s="44">
        <v>100.6925578264204</v>
      </c>
      <c r="AC48" s="44">
        <v>96.890279026826235</v>
      </c>
      <c r="AD48" s="44">
        <v>111.04573563220849</v>
      </c>
      <c r="AE48" s="47">
        <v>97.676209628003917</v>
      </c>
      <c r="AF48" s="46">
        <v>98.74319498578997</v>
      </c>
    </row>
    <row r="49" spans="1:32" ht="15.75" customHeight="1" x14ac:dyDescent="0.2">
      <c r="A49" s="41" t="s">
        <v>110</v>
      </c>
      <c r="B49" s="42" t="s">
        <v>111</v>
      </c>
      <c r="C49" s="43">
        <v>94.847806737398841</v>
      </c>
      <c r="D49" s="44">
        <v>91.885449231357583</v>
      </c>
      <c r="E49" s="44">
        <v>102.2688287987645</v>
      </c>
      <c r="F49" s="44">
        <v>106.14607332764851</v>
      </c>
      <c r="G49" s="44">
        <v>73.294999902433403</v>
      </c>
      <c r="H49" s="44">
        <v>109.21164501262707</v>
      </c>
      <c r="I49" s="44">
        <v>88.726783162328445</v>
      </c>
      <c r="J49" s="44">
        <v>98.903376698490405</v>
      </c>
      <c r="K49" s="44">
        <v>59.026509866734607</v>
      </c>
      <c r="L49" s="44">
        <v>111.34986862282518</v>
      </c>
      <c r="M49" s="44">
        <v>101.95765899381843</v>
      </c>
      <c r="N49" s="44">
        <v>104.60544988209058</v>
      </c>
      <c r="O49" s="44">
        <v>98.71502049928462</v>
      </c>
      <c r="P49" s="45">
        <v>98.014524857075898</v>
      </c>
      <c r="Q49" s="46">
        <v>97.991137803863808</v>
      </c>
      <c r="R49" s="43">
        <v>89.317893549244701</v>
      </c>
      <c r="S49" s="44">
        <v>94.040528898351667</v>
      </c>
      <c r="T49" s="44">
        <v>108.97247883249392</v>
      </c>
      <c r="U49" s="44">
        <v>108.61023578348055</v>
      </c>
      <c r="V49" s="44">
        <v>80.601896407854071</v>
      </c>
      <c r="W49" s="44">
        <v>64.337780999258456</v>
      </c>
      <c r="X49" s="44">
        <v>129.65477503360682</v>
      </c>
      <c r="Y49" s="44">
        <v>62.801589198026065</v>
      </c>
      <c r="Z49" s="44">
        <v>93.501127922252749</v>
      </c>
      <c r="AA49" s="44">
        <v>91.996893671193106</v>
      </c>
      <c r="AB49" s="44">
        <v>84.926202639655145</v>
      </c>
      <c r="AC49" s="44">
        <v>102.49232363184386</v>
      </c>
      <c r="AD49" s="44">
        <v>109.05741323734981</v>
      </c>
      <c r="AE49" s="47">
        <v>94.108745359824368</v>
      </c>
      <c r="AF49" s="46">
        <v>95.048591320001876</v>
      </c>
    </row>
    <row r="50" spans="1:32" ht="15.75" customHeight="1" x14ac:dyDescent="0.2">
      <c r="A50" s="41" t="s">
        <v>112</v>
      </c>
      <c r="B50" s="42" t="s">
        <v>113</v>
      </c>
      <c r="C50" s="43">
        <v>96.061534162040061</v>
      </c>
      <c r="D50" s="44">
        <v>110.65633091212463</v>
      </c>
      <c r="E50" s="44">
        <v>115.04380887150707</v>
      </c>
      <c r="F50" s="44">
        <v>74.87780528537111</v>
      </c>
      <c r="G50" s="44">
        <v>33.829685135281352</v>
      </c>
      <c r="H50" s="44">
        <v>38.145315732330147</v>
      </c>
      <c r="I50" s="44">
        <v>83.400308457624831</v>
      </c>
      <c r="J50" s="44">
        <v>62.101232752579683</v>
      </c>
      <c r="K50" s="44">
        <v>106.25726043911466</v>
      </c>
      <c r="L50" s="44">
        <v>98.881640742908971</v>
      </c>
      <c r="M50" s="44">
        <v>93.8506989237287</v>
      </c>
      <c r="N50" s="44">
        <v>69.194288308568403</v>
      </c>
      <c r="O50" s="44">
        <v>155.72232626208796</v>
      </c>
      <c r="P50" s="45">
        <v>98.930676107596298</v>
      </c>
      <c r="Q50" s="46">
        <v>99.873521715989838</v>
      </c>
      <c r="R50" s="43">
        <v>109.85757708964267</v>
      </c>
      <c r="S50" s="44">
        <v>125.55456512398858</v>
      </c>
      <c r="T50" s="44">
        <v>119.96247799970351</v>
      </c>
      <c r="U50" s="44">
        <v>332.2127706542658</v>
      </c>
      <c r="V50" s="44">
        <v>57.783821353443187</v>
      </c>
      <c r="W50" s="44">
        <v>114.79675127897494</v>
      </c>
      <c r="X50" s="44">
        <v>219.68000532937603</v>
      </c>
      <c r="Y50" s="44">
        <v>84.258870050705966</v>
      </c>
      <c r="Z50" s="44">
        <v>90.93312252234</v>
      </c>
      <c r="AA50" s="44">
        <v>92.784674179469519</v>
      </c>
      <c r="AB50" s="44">
        <v>89.193504224265141</v>
      </c>
      <c r="AC50" s="44">
        <v>92.782791364912896</v>
      </c>
      <c r="AD50" s="44">
        <v>116.8564136467823</v>
      </c>
      <c r="AE50" s="47">
        <v>92.872953446805482</v>
      </c>
      <c r="AF50" s="46">
        <v>97.584753285567999</v>
      </c>
    </row>
    <row r="51" spans="1:32" ht="15.75" customHeight="1" x14ac:dyDescent="0.2">
      <c r="A51" s="41" t="s">
        <v>114</v>
      </c>
      <c r="B51" s="42" t="s">
        <v>115</v>
      </c>
      <c r="C51" s="43">
        <v>98.665051345236719</v>
      </c>
      <c r="D51" s="44">
        <v>90.641048504755219</v>
      </c>
      <c r="E51" s="44">
        <v>95.065205318229715</v>
      </c>
      <c r="F51" s="44">
        <v>76.308193316670483</v>
      </c>
      <c r="G51" s="44">
        <v>114.33683091481942</v>
      </c>
      <c r="H51" s="44">
        <v>96.88487054532149</v>
      </c>
      <c r="I51" s="44">
        <v>47.86821364762033</v>
      </c>
      <c r="J51" s="44">
        <v>141.24612139717229</v>
      </c>
      <c r="K51" s="44">
        <v>55.525977896425651</v>
      </c>
      <c r="L51" s="44">
        <v>50.218736725715246</v>
      </c>
      <c r="M51" s="44">
        <v>109.40817210342385</v>
      </c>
      <c r="N51" s="44">
        <v>112.65218918521543</v>
      </c>
      <c r="O51" s="44">
        <v>86.585712034434962</v>
      </c>
      <c r="P51" s="45">
        <v>94.529740352507659</v>
      </c>
      <c r="Q51" s="46">
        <v>96.845898201401155</v>
      </c>
      <c r="R51" s="43">
        <v>107.11357442709939</v>
      </c>
      <c r="S51" s="44">
        <v>85.019219156231031</v>
      </c>
      <c r="T51" s="44">
        <v>87.154624696786527</v>
      </c>
      <c r="U51" s="44">
        <v>134.65983948131691</v>
      </c>
      <c r="V51" s="44">
        <v>122.39707741432132</v>
      </c>
      <c r="W51" s="44">
        <v>70.293470734170242</v>
      </c>
      <c r="X51" s="44">
        <v>230.86982368053447</v>
      </c>
      <c r="Y51" s="44">
        <v>133.95069710346817</v>
      </c>
      <c r="Z51" s="44">
        <v>79.516672659935892</v>
      </c>
      <c r="AA51" s="44">
        <v>52.840956131625532</v>
      </c>
      <c r="AB51" s="44">
        <v>114.68657913288941</v>
      </c>
      <c r="AC51" s="44">
        <v>83.853902714586752</v>
      </c>
      <c r="AD51" s="44">
        <v>113.41516436357242</v>
      </c>
      <c r="AE51" s="47">
        <v>98.143882834767211</v>
      </c>
      <c r="AF51" s="46">
        <v>100.62259560549141</v>
      </c>
    </row>
    <row r="52" spans="1:32" ht="15.75" customHeight="1" x14ac:dyDescent="0.2">
      <c r="A52" s="41" t="s">
        <v>116</v>
      </c>
      <c r="B52" s="42" t="s">
        <v>117</v>
      </c>
      <c r="C52" s="43">
        <v>82.646308689057136</v>
      </c>
      <c r="D52" s="44">
        <v>96.644819521084102</v>
      </c>
      <c r="E52" s="44">
        <v>79.431661205083699</v>
      </c>
      <c r="F52" s="44">
        <v>58.231458542879125</v>
      </c>
      <c r="G52" s="44">
        <v>90.096007376851659</v>
      </c>
      <c r="H52" s="44">
        <v>10.586930774430057</v>
      </c>
      <c r="I52" s="44">
        <v>80.994805026305386</v>
      </c>
      <c r="J52" s="44">
        <v>85.215165824081751</v>
      </c>
      <c r="K52" s="44">
        <v>123.36924033639899</v>
      </c>
      <c r="L52" s="44">
        <v>67.613666224244895</v>
      </c>
      <c r="M52" s="44">
        <v>90.722810638440066</v>
      </c>
      <c r="N52" s="44">
        <v>94.346149321231096</v>
      </c>
      <c r="O52" s="44">
        <v>92.115067671280428</v>
      </c>
      <c r="P52" s="45">
        <v>97.837861589550783</v>
      </c>
      <c r="Q52" s="46">
        <v>94.546086137162945</v>
      </c>
      <c r="R52" s="43">
        <v>75.915700621666247</v>
      </c>
      <c r="S52" s="44">
        <v>91.731987500576267</v>
      </c>
      <c r="T52" s="44">
        <v>96.658440152596398</v>
      </c>
      <c r="U52" s="44">
        <v>58.345997062073117</v>
      </c>
      <c r="V52" s="44">
        <v>101.63095205400673</v>
      </c>
      <c r="W52" s="44">
        <v>14.91846463638608</v>
      </c>
      <c r="X52" s="44">
        <v>85.498313110753728</v>
      </c>
      <c r="Y52" s="44">
        <v>135.34581047242543</v>
      </c>
      <c r="Z52" s="44">
        <v>98.773061966629356</v>
      </c>
      <c r="AA52" s="44">
        <v>0</v>
      </c>
      <c r="AB52" s="44">
        <v>83.706134633359326</v>
      </c>
      <c r="AC52" s="44">
        <v>114.8584685216059</v>
      </c>
      <c r="AD52" s="44">
        <v>87.966085515831324</v>
      </c>
      <c r="AE52" s="47">
        <v>83.759292750724555</v>
      </c>
      <c r="AF52" s="46">
        <v>88.670842246660555</v>
      </c>
    </row>
    <row r="53" spans="1:32" ht="15.75" customHeight="1" x14ac:dyDescent="0.2">
      <c r="A53" s="41" t="s">
        <v>118</v>
      </c>
      <c r="B53" s="42" t="s">
        <v>119</v>
      </c>
      <c r="C53" s="43">
        <v>110.53347575558442</v>
      </c>
      <c r="D53" s="44">
        <v>110.63217289150057</v>
      </c>
      <c r="E53" s="44">
        <v>103.20124675048891</v>
      </c>
      <c r="F53" s="44">
        <v>106.39184267659662</v>
      </c>
      <c r="G53" s="44">
        <v>102.47509932622735</v>
      </c>
      <c r="H53" s="44">
        <v>103.29066964919225</v>
      </c>
      <c r="I53" s="44">
        <v>138.80687526434656</v>
      </c>
      <c r="J53" s="44">
        <v>119.64602284386669</v>
      </c>
      <c r="K53" s="44">
        <v>73.145776136413389</v>
      </c>
      <c r="L53" s="44">
        <v>100.71109873497345</v>
      </c>
      <c r="M53" s="44">
        <v>93.397974664745632</v>
      </c>
      <c r="N53" s="44">
        <v>89.808656248719927</v>
      </c>
      <c r="O53" s="44">
        <v>84.412418777756017</v>
      </c>
      <c r="P53" s="45">
        <v>110.91482864128582</v>
      </c>
      <c r="Q53" s="46">
        <v>104.47963472541575</v>
      </c>
      <c r="R53" s="43">
        <v>125.20630365824968</v>
      </c>
      <c r="S53" s="44">
        <v>115.8824622354845</v>
      </c>
      <c r="T53" s="44">
        <v>106.65231864746541</v>
      </c>
      <c r="U53" s="44">
        <v>57.426716115871358</v>
      </c>
      <c r="V53" s="44">
        <v>144.22448003262303</v>
      </c>
      <c r="W53" s="44">
        <v>81.939253091833564</v>
      </c>
      <c r="X53" s="44">
        <v>224.84027782836966</v>
      </c>
      <c r="Y53" s="44">
        <v>162.8849495843354</v>
      </c>
      <c r="Z53" s="44">
        <v>58.447739371210112</v>
      </c>
      <c r="AA53" s="44">
        <v>5.7164931995328914</v>
      </c>
      <c r="AB53" s="44">
        <v>83.102039577656939</v>
      </c>
      <c r="AC53" s="44">
        <v>94.177673464541172</v>
      </c>
      <c r="AD53" s="44">
        <v>97.563362240125386</v>
      </c>
      <c r="AE53" s="47">
        <v>94.048573497025544</v>
      </c>
      <c r="AF53" s="46">
        <v>96.218006718009249</v>
      </c>
    </row>
    <row r="54" spans="1:32" ht="15.75" customHeight="1" x14ac:dyDescent="0.2">
      <c r="A54" s="41" t="s">
        <v>120</v>
      </c>
      <c r="B54" s="42" t="s">
        <v>121</v>
      </c>
      <c r="C54" s="43">
        <v>96.957099789046566</v>
      </c>
      <c r="D54" s="44">
        <v>100.58851661317991</v>
      </c>
      <c r="E54" s="44">
        <v>120.84024687240411</v>
      </c>
      <c r="F54" s="44">
        <v>68.980181299956627</v>
      </c>
      <c r="G54" s="44">
        <v>122.89720664715357</v>
      </c>
      <c r="H54" s="44">
        <v>27.502394382953241</v>
      </c>
      <c r="I54" s="44">
        <v>25.085210223319969</v>
      </c>
      <c r="J54" s="44">
        <v>44.634402794637907</v>
      </c>
      <c r="K54" s="44">
        <v>64.209418951269612</v>
      </c>
      <c r="L54" s="44">
        <v>81.030971894598437</v>
      </c>
      <c r="M54" s="44">
        <v>92.892312033470674</v>
      </c>
      <c r="N54" s="44">
        <v>86.431304387244978</v>
      </c>
      <c r="O54" s="44">
        <v>132.09934653015344</v>
      </c>
      <c r="P54" s="45">
        <v>94.881021958283839</v>
      </c>
      <c r="Q54" s="46">
        <v>94.919965392152122</v>
      </c>
      <c r="R54" s="43">
        <v>79.250910872128316</v>
      </c>
      <c r="S54" s="44">
        <v>95.911231729942671</v>
      </c>
      <c r="T54" s="44">
        <v>120.31575333781157</v>
      </c>
      <c r="U54" s="44">
        <v>18.488884872586631</v>
      </c>
      <c r="V54" s="44">
        <v>133.64218715778506</v>
      </c>
      <c r="W54" s="44">
        <v>47.354598516541458</v>
      </c>
      <c r="X54" s="44">
        <v>213.31824967225617</v>
      </c>
      <c r="Y54" s="44">
        <v>103.23965344991736</v>
      </c>
      <c r="Z54" s="44">
        <v>99.152749814457266</v>
      </c>
      <c r="AA54" s="44">
        <v>219.22892412366735</v>
      </c>
      <c r="AB54" s="44">
        <v>112.70522155671003</v>
      </c>
      <c r="AC54" s="44">
        <v>81.873161823276263</v>
      </c>
      <c r="AD54" s="44">
        <v>109.85553883952352</v>
      </c>
      <c r="AE54" s="47">
        <v>99.634780176230919</v>
      </c>
      <c r="AF54" s="46">
        <v>100.73182989040596</v>
      </c>
    </row>
    <row r="55" spans="1:32" ht="15.75" customHeight="1" x14ac:dyDescent="0.2">
      <c r="A55" s="41" t="s">
        <v>122</v>
      </c>
      <c r="B55" s="42" t="s">
        <v>123</v>
      </c>
      <c r="C55" s="43">
        <v>105.33624073594902</v>
      </c>
      <c r="D55" s="44">
        <v>99.973799045245087</v>
      </c>
      <c r="E55" s="44">
        <v>89.680502703661176</v>
      </c>
      <c r="F55" s="44">
        <v>96.38711401234923</v>
      </c>
      <c r="G55" s="44">
        <v>88.251197460717748</v>
      </c>
      <c r="H55" s="44">
        <v>49.867272508965236</v>
      </c>
      <c r="I55" s="44">
        <v>82.654356585881473</v>
      </c>
      <c r="J55" s="44">
        <v>118.84839946047349</v>
      </c>
      <c r="K55" s="44">
        <v>82.676407127552608</v>
      </c>
      <c r="L55" s="44">
        <v>109.16903039579996</v>
      </c>
      <c r="M55" s="44">
        <v>67.586508866650675</v>
      </c>
      <c r="N55" s="44">
        <v>79.060319844023397</v>
      </c>
      <c r="O55" s="44">
        <v>115.68885267718996</v>
      </c>
      <c r="P55" s="45">
        <v>84.840004947297217</v>
      </c>
      <c r="Q55" s="46">
        <v>86.071292410215875</v>
      </c>
      <c r="R55" s="43">
        <v>101.38605035485149</v>
      </c>
      <c r="S55" s="44">
        <v>107.15924100114476</v>
      </c>
      <c r="T55" s="44">
        <v>100.22409498571884</v>
      </c>
      <c r="U55" s="44">
        <v>43.198601386151473</v>
      </c>
      <c r="V55" s="44">
        <v>104.77913745788911</v>
      </c>
      <c r="W55" s="44">
        <v>57.567655734300104</v>
      </c>
      <c r="X55" s="44">
        <v>218.71324066000508</v>
      </c>
      <c r="Y55" s="44">
        <v>82.098288357105517</v>
      </c>
      <c r="Z55" s="44">
        <v>105.50719746652271</v>
      </c>
      <c r="AA55" s="44">
        <v>85.482033609756755</v>
      </c>
      <c r="AB55" s="44">
        <v>81.006613531070357</v>
      </c>
      <c r="AC55" s="44">
        <v>101.24637073296245</v>
      </c>
      <c r="AD55" s="44">
        <v>97.122693566147944</v>
      </c>
      <c r="AE55" s="47">
        <v>98.43389561254277</v>
      </c>
      <c r="AF55" s="46">
        <v>96.863520703831242</v>
      </c>
    </row>
    <row r="56" spans="1:32" ht="15.75" customHeight="1" x14ac:dyDescent="0.2">
      <c r="A56" s="41" t="s">
        <v>124</v>
      </c>
      <c r="B56" s="42" t="s">
        <v>125</v>
      </c>
      <c r="C56" s="43">
        <v>101.79664243646458</v>
      </c>
      <c r="D56" s="44">
        <v>110.99510587081645</v>
      </c>
      <c r="E56" s="44">
        <v>93.115413434413568</v>
      </c>
      <c r="F56" s="44">
        <v>44.851676381818137</v>
      </c>
      <c r="G56" s="44">
        <v>125.82998834560509</v>
      </c>
      <c r="H56" s="44">
        <v>14.200628145807269</v>
      </c>
      <c r="I56" s="44">
        <v>1.3148939990693764</v>
      </c>
      <c r="J56" s="44">
        <v>41.254143588425563</v>
      </c>
      <c r="K56" s="44">
        <v>92.234161947181647</v>
      </c>
      <c r="L56" s="44">
        <v>169.22974812045788</v>
      </c>
      <c r="M56" s="44">
        <v>136.28028399450633</v>
      </c>
      <c r="N56" s="44">
        <v>96.975600073705294</v>
      </c>
      <c r="O56" s="44">
        <v>155.56615998110635</v>
      </c>
      <c r="P56" s="45">
        <v>85.877150970171215</v>
      </c>
      <c r="Q56" s="46">
        <v>100.57175597440408</v>
      </c>
      <c r="R56" s="43">
        <v>110.07797615014175</v>
      </c>
      <c r="S56" s="44">
        <v>107.18506707442171</v>
      </c>
      <c r="T56" s="44">
        <v>101.35245288169762</v>
      </c>
      <c r="U56" s="44">
        <v>87.462333771863584</v>
      </c>
      <c r="V56" s="44">
        <v>106.99534032980556</v>
      </c>
      <c r="W56" s="44">
        <v>28.564044790313346</v>
      </c>
      <c r="X56" s="44">
        <v>1.3728254863973561</v>
      </c>
      <c r="Y56" s="44">
        <v>36.818394623897738</v>
      </c>
      <c r="Z56" s="44">
        <v>235.90690939203293</v>
      </c>
      <c r="AA56" s="44">
        <v>15.111172302687258</v>
      </c>
      <c r="AB56" s="44">
        <v>127.03402161308063</v>
      </c>
      <c r="AC56" s="44">
        <v>81.984125714082921</v>
      </c>
      <c r="AD56" s="44">
        <v>104.96912842250183</v>
      </c>
      <c r="AE56" s="47">
        <v>96.896585655368156</v>
      </c>
      <c r="AF56" s="46">
        <v>101.46000311210769</v>
      </c>
    </row>
    <row r="57" spans="1:32" ht="15.75" customHeight="1" x14ac:dyDescent="0.2">
      <c r="A57" s="41" t="s">
        <v>126</v>
      </c>
      <c r="B57" s="42" t="s">
        <v>127</v>
      </c>
      <c r="C57" s="43">
        <v>93.033428785545709</v>
      </c>
      <c r="D57" s="44">
        <v>119.78146639034341</v>
      </c>
      <c r="E57" s="44">
        <v>70.217496778185165</v>
      </c>
      <c r="F57" s="44">
        <v>84.239254308194276</v>
      </c>
      <c r="G57" s="44">
        <v>68.050488781213545</v>
      </c>
      <c r="H57" s="44">
        <v>17.394274024777552</v>
      </c>
      <c r="I57" s="44">
        <v>42.242332669793399</v>
      </c>
      <c r="J57" s="44">
        <v>81.720998859631536</v>
      </c>
      <c r="K57" s="44">
        <v>44.482824837294913</v>
      </c>
      <c r="L57" s="44">
        <v>46.470007072040531</v>
      </c>
      <c r="M57" s="44">
        <v>88.777984212796696</v>
      </c>
      <c r="N57" s="44">
        <v>68.231358023604358</v>
      </c>
      <c r="O57" s="44">
        <v>55.213664918185771</v>
      </c>
      <c r="P57" s="45">
        <v>84.366005790313693</v>
      </c>
      <c r="Q57" s="46">
        <v>82.181444763216021</v>
      </c>
      <c r="R57" s="43">
        <v>92.734099157059546</v>
      </c>
      <c r="S57" s="44">
        <v>135.82208450654323</v>
      </c>
      <c r="T57" s="44">
        <v>79.256323151068173</v>
      </c>
      <c r="U57" s="44">
        <v>229.13058316701742</v>
      </c>
      <c r="V57" s="44">
        <v>93.612692366570755</v>
      </c>
      <c r="W57" s="44">
        <v>40.708250966747649</v>
      </c>
      <c r="X57" s="44">
        <v>46.596856981575314</v>
      </c>
      <c r="Y57" s="44">
        <v>53.227690186006235</v>
      </c>
      <c r="Z57" s="44">
        <v>71.471853751613978</v>
      </c>
      <c r="AA57" s="44">
        <v>0</v>
      </c>
      <c r="AB57" s="44">
        <v>88.670925467522864</v>
      </c>
      <c r="AC57" s="44">
        <v>79.918412647223107</v>
      </c>
      <c r="AD57" s="44">
        <v>103.85770166485169</v>
      </c>
      <c r="AE57" s="47">
        <v>77.938589910237766</v>
      </c>
      <c r="AF57" s="46">
        <v>83.986054181783913</v>
      </c>
    </row>
    <row r="58" spans="1:32" ht="15.75" customHeight="1" x14ac:dyDescent="0.2">
      <c r="A58" s="41" t="s">
        <v>128</v>
      </c>
      <c r="B58" s="42" t="s">
        <v>129</v>
      </c>
      <c r="C58" s="43">
        <v>68.089360120593</v>
      </c>
      <c r="D58" s="44">
        <v>125.68524864551512</v>
      </c>
      <c r="E58" s="44">
        <v>89.119551767945339</v>
      </c>
      <c r="F58" s="44">
        <v>134.7674202545283</v>
      </c>
      <c r="G58" s="44">
        <v>139.83449760892049</v>
      </c>
      <c r="H58" s="44">
        <v>26.663951594504287</v>
      </c>
      <c r="I58" s="44">
        <v>14.160330054596308</v>
      </c>
      <c r="J58" s="44">
        <v>182.87826926040509</v>
      </c>
      <c r="K58" s="44">
        <v>126.94773748185348</v>
      </c>
      <c r="L58" s="44">
        <v>36.783067404208786</v>
      </c>
      <c r="M58" s="44">
        <v>78.294058910974854</v>
      </c>
      <c r="N58" s="44">
        <v>62.41215483887332</v>
      </c>
      <c r="O58" s="44">
        <v>81.734226542792214</v>
      </c>
      <c r="P58" s="45">
        <v>104.29242552935176</v>
      </c>
      <c r="Q58" s="46">
        <v>94.943208712411277</v>
      </c>
      <c r="R58" s="43">
        <v>128.14030247832298</v>
      </c>
      <c r="S58" s="44">
        <v>130.95905162979568</v>
      </c>
      <c r="T58" s="44">
        <v>90.15574802415685</v>
      </c>
      <c r="U58" s="44">
        <v>0</v>
      </c>
      <c r="V58" s="44">
        <v>38.304142852353287</v>
      </c>
      <c r="W58" s="44">
        <v>26.066776069368508</v>
      </c>
      <c r="X58" s="44">
        <v>0</v>
      </c>
      <c r="Y58" s="44">
        <v>11.648428906701184</v>
      </c>
      <c r="Z58" s="44">
        <v>62.453277022702146</v>
      </c>
      <c r="AA58" s="44">
        <v>12.996993787396281</v>
      </c>
      <c r="AB58" s="44">
        <v>97.288895401494003</v>
      </c>
      <c r="AC58" s="44">
        <v>96.595239489437034</v>
      </c>
      <c r="AD58" s="44">
        <v>134.95602351587362</v>
      </c>
      <c r="AE58" s="47">
        <v>98.919461829396184</v>
      </c>
      <c r="AF58" s="46">
        <v>101.19251794327272</v>
      </c>
    </row>
    <row r="59" spans="1:32" ht="15.75" customHeight="1" x14ac:dyDescent="0.2">
      <c r="A59" s="41" t="s">
        <v>130</v>
      </c>
      <c r="B59" s="42" t="s">
        <v>131</v>
      </c>
      <c r="C59" s="43">
        <v>110.77193535801537</v>
      </c>
      <c r="D59" s="44">
        <v>129.00302275952836</v>
      </c>
      <c r="E59" s="44">
        <v>71.972633624380109</v>
      </c>
      <c r="F59" s="44">
        <v>121.87612711934449</v>
      </c>
      <c r="G59" s="44">
        <v>34.636410660353327</v>
      </c>
      <c r="H59" s="44">
        <v>41.324695978148874</v>
      </c>
      <c r="I59" s="44">
        <v>152.8211818367794</v>
      </c>
      <c r="J59" s="44">
        <v>57.988298984225494</v>
      </c>
      <c r="K59" s="44">
        <v>76.28082786792281</v>
      </c>
      <c r="L59" s="44">
        <v>0</v>
      </c>
      <c r="M59" s="44">
        <v>99.259958856357102</v>
      </c>
      <c r="N59" s="44">
        <v>66.78278888328559</v>
      </c>
      <c r="O59" s="44">
        <v>131.8049357741121</v>
      </c>
      <c r="P59" s="45">
        <v>124.24846660620383</v>
      </c>
      <c r="Q59" s="46">
        <v>112.38104188686769</v>
      </c>
      <c r="R59" s="43">
        <v>105.38424409369465</v>
      </c>
      <c r="S59" s="44">
        <v>132.96509102501318</v>
      </c>
      <c r="T59" s="44">
        <v>99.036937173863677</v>
      </c>
      <c r="U59" s="44">
        <v>0</v>
      </c>
      <c r="V59" s="44">
        <v>60.553826075340083</v>
      </c>
      <c r="W59" s="44">
        <v>95.253113117618568</v>
      </c>
      <c r="X59" s="44">
        <v>64.399056076759379</v>
      </c>
      <c r="Y59" s="44">
        <v>16.233412111619117</v>
      </c>
      <c r="Z59" s="44">
        <v>62.114062570928532</v>
      </c>
      <c r="AA59" s="44">
        <v>0</v>
      </c>
      <c r="AB59" s="44">
        <v>80.628909819409429</v>
      </c>
      <c r="AC59" s="44">
        <v>117.48760941086256</v>
      </c>
      <c r="AD59" s="44">
        <v>181.40246607161714</v>
      </c>
      <c r="AE59" s="47">
        <v>102.88750791409032</v>
      </c>
      <c r="AF59" s="46">
        <v>105.62235156456154</v>
      </c>
    </row>
    <row r="60" spans="1:32" ht="15.75" customHeight="1" x14ac:dyDescent="0.2">
      <c r="A60" s="41" t="s">
        <v>132</v>
      </c>
      <c r="B60" s="42" t="s">
        <v>133</v>
      </c>
      <c r="C60" s="43">
        <v>105.25751602789099</v>
      </c>
      <c r="D60" s="44">
        <v>132.12084643648924</v>
      </c>
      <c r="E60" s="44">
        <v>132.79213460278828</v>
      </c>
      <c r="F60" s="44">
        <v>115.04142417876287</v>
      </c>
      <c r="G60" s="44">
        <v>64.888966234395937</v>
      </c>
      <c r="H60" s="44">
        <v>1.4065361644983219</v>
      </c>
      <c r="I60" s="44">
        <v>8.0149119316353872</v>
      </c>
      <c r="J60" s="44">
        <v>65.858652621381083</v>
      </c>
      <c r="K60" s="44">
        <v>111.47024854732037</v>
      </c>
      <c r="L60" s="44">
        <v>115.78509173823453</v>
      </c>
      <c r="M60" s="44">
        <v>146.61978174168127</v>
      </c>
      <c r="N60" s="44">
        <v>79.776913527060572</v>
      </c>
      <c r="O60" s="44">
        <v>125.56157143074772</v>
      </c>
      <c r="P60" s="45">
        <v>104.32133408069163</v>
      </c>
      <c r="Q60" s="46">
        <v>111.69987713948781</v>
      </c>
      <c r="R60" s="43">
        <v>130.79531238061156</v>
      </c>
      <c r="S60" s="44">
        <v>122.98229810593489</v>
      </c>
      <c r="T60" s="44">
        <v>146.55401435042992</v>
      </c>
      <c r="U60" s="44">
        <v>0</v>
      </c>
      <c r="V60" s="44">
        <v>73.327303238105074</v>
      </c>
      <c r="W60" s="44">
        <v>17.46651369028498</v>
      </c>
      <c r="X60" s="44">
        <v>0</v>
      </c>
      <c r="Y60" s="44">
        <v>22.04293892383599</v>
      </c>
      <c r="Z60" s="44">
        <v>92.185502995207855</v>
      </c>
      <c r="AA60" s="44">
        <v>0</v>
      </c>
      <c r="AB60" s="44">
        <v>127.67464958780839</v>
      </c>
      <c r="AC60" s="44">
        <v>61.354372175659073</v>
      </c>
      <c r="AD60" s="44">
        <v>124.29601620874186</v>
      </c>
      <c r="AE60" s="47">
        <v>94.101366993831718</v>
      </c>
      <c r="AF60" s="46">
        <v>100.86363798424246</v>
      </c>
    </row>
    <row r="61" spans="1:32" ht="15.75" customHeight="1" x14ac:dyDescent="0.2">
      <c r="A61" s="41" t="s">
        <v>134</v>
      </c>
      <c r="B61" s="42" t="s">
        <v>135</v>
      </c>
      <c r="C61" s="43">
        <v>121.06144521922188</v>
      </c>
      <c r="D61" s="44">
        <v>124.45826928206762</v>
      </c>
      <c r="E61" s="44">
        <v>149.97156633288978</v>
      </c>
      <c r="F61" s="44">
        <v>102.05468988254708</v>
      </c>
      <c r="G61" s="44">
        <v>115.96306089910368</v>
      </c>
      <c r="H61" s="44">
        <v>66.337016003323725</v>
      </c>
      <c r="I61" s="44">
        <v>1.8484740762075502</v>
      </c>
      <c r="J61" s="44">
        <v>142.40370619862409</v>
      </c>
      <c r="K61" s="44">
        <v>96.110327714641912</v>
      </c>
      <c r="L61" s="44">
        <v>65.600608057218736</v>
      </c>
      <c r="M61" s="44">
        <v>74.955712752881894</v>
      </c>
      <c r="N61" s="44">
        <v>86.433020070174237</v>
      </c>
      <c r="O61" s="44">
        <v>114.49711884193937</v>
      </c>
      <c r="P61" s="45">
        <v>108.16109912030284</v>
      </c>
      <c r="Q61" s="46">
        <v>103.17336643742179</v>
      </c>
      <c r="R61" s="43">
        <v>101.7247318295161</v>
      </c>
      <c r="S61" s="44">
        <v>145.75927484372738</v>
      </c>
      <c r="T61" s="44">
        <v>148.90710441960167</v>
      </c>
      <c r="U61" s="44">
        <v>187.30730777914866</v>
      </c>
      <c r="V61" s="44">
        <v>78.665276615971194</v>
      </c>
      <c r="W61" s="44">
        <v>49.590914188640113</v>
      </c>
      <c r="X61" s="44">
        <v>1.3074171198610589</v>
      </c>
      <c r="Y61" s="44">
        <v>46.217909317719261</v>
      </c>
      <c r="Z61" s="44">
        <v>31.326387584333656</v>
      </c>
      <c r="AA61" s="44">
        <v>4.9392455170509892</v>
      </c>
      <c r="AB61" s="44">
        <v>56.594994524906113</v>
      </c>
      <c r="AC61" s="44">
        <v>93.372456135357893</v>
      </c>
      <c r="AD61" s="44">
        <v>107.77227460609842</v>
      </c>
      <c r="AE61" s="47">
        <v>112.61245017016907</v>
      </c>
      <c r="AF61" s="46">
        <v>100.70207086979148</v>
      </c>
    </row>
    <row r="62" spans="1:32" ht="15.75" customHeight="1" x14ac:dyDescent="0.2">
      <c r="A62" s="41" t="s">
        <v>136</v>
      </c>
      <c r="B62" s="42" t="s">
        <v>137</v>
      </c>
      <c r="C62" s="43">
        <v>146.31423218658554</v>
      </c>
      <c r="D62" s="44">
        <v>132.0892965060207</v>
      </c>
      <c r="E62" s="44">
        <v>75.950755974492722</v>
      </c>
      <c r="F62" s="44">
        <v>86.421198686503672</v>
      </c>
      <c r="G62" s="44">
        <v>42.41486259603542</v>
      </c>
      <c r="H62" s="44">
        <v>25.329886718954516</v>
      </c>
      <c r="I62" s="44">
        <v>92.40495983886791</v>
      </c>
      <c r="J62" s="44">
        <v>71.907208080179373</v>
      </c>
      <c r="K62" s="44">
        <v>92.581955666022935</v>
      </c>
      <c r="L62" s="44">
        <v>0.68335170629384367</v>
      </c>
      <c r="M62" s="44">
        <v>106.58613794564029</v>
      </c>
      <c r="N62" s="44">
        <v>96.129468334266591</v>
      </c>
      <c r="O62" s="44">
        <v>37.335480977882852</v>
      </c>
      <c r="P62" s="45">
        <v>99.105790910791725</v>
      </c>
      <c r="Q62" s="46">
        <v>98.587980574158237</v>
      </c>
      <c r="R62" s="43">
        <v>80.275973874367821</v>
      </c>
      <c r="S62" s="44">
        <v>120.97547995949635</v>
      </c>
      <c r="T62" s="44">
        <v>77.527768181560276</v>
      </c>
      <c r="U62" s="44">
        <v>0</v>
      </c>
      <c r="V62" s="44">
        <v>43.707977347278053</v>
      </c>
      <c r="W62" s="44">
        <v>79.048267128957988</v>
      </c>
      <c r="X62" s="44">
        <v>114.84799979852826</v>
      </c>
      <c r="Y62" s="44">
        <v>238.53200908930552</v>
      </c>
      <c r="Z62" s="44">
        <v>150.36625727875398</v>
      </c>
      <c r="AA62" s="44">
        <v>1.5108213121463518</v>
      </c>
      <c r="AB62" s="44">
        <v>97.083631833057197</v>
      </c>
      <c r="AC62" s="44">
        <v>101.18517924698322</v>
      </c>
      <c r="AD62" s="44">
        <v>102.90439376118843</v>
      </c>
      <c r="AE62" s="47">
        <v>118.3627438784488</v>
      </c>
      <c r="AF62" s="46">
        <v>109.49278389973597</v>
      </c>
    </row>
    <row r="63" spans="1:32" ht="15.75" customHeight="1" x14ac:dyDescent="0.2">
      <c r="A63" s="41" t="s">
        <v>138</v>
      </c>
      <c r="B63" s="42" t="s">
        <v>139</v>
      </c>
      <c r="C63" s="43">
        <v>100.45290841068226</v>
      </c>
      <c r="D63" s="44">
        <v>116.92739188601777</v>
      </c>
      <c r="E63" s="44">
        <v>109.70082104338094</v>
      </c>
      <c r="F63" s="44">
        <v>92.810570452323759</v>
      </c>
      <c r="G63" s="44">
        <v>198.20315528036997</v>
      </c>
      <c r="H63" s="44">
        <v>183.93844619308302</v>
      </c>
      <c r="I63" s="44">
        <v>46.657096745544479</v>
      </c>
      <c r="J63" s="44">
        <v>124.7319542276949</v>
      </c>
      <c r="K63" s="44">
        <v>114.56887608406058</v>
      </c>
      <c r="L63" s="44">
        <v>32.329180420911698</v>
      </c>
      <c r="M63" s="44">
        <v>97.773391069266268</v>
      </c>
      <c r="N63" s="44">
        <v>86.100643603851083</v>
      </c>
      <c r="O63" s="44">
        <v>83.855971079881812</v>
      </c>
      <c r="P63" s="45">
        <v>89.019832176978767</v>
      </c>
      <c r="Q63" s="46">
        <v>92.790058722887352</v>
      </c>
      <c r="R63" s="43">
        <v>90.610879013154701</v>
      </c>
      <c r="S63" s="44">
        <v>107.19732522585434</v>
      </c>
      <c r="T63" s="44">
        <v>106.35789912156784</v>
      </c>
      <c r="U63" s="44">
        <v>145.68799685705736</v>
      </c>
      <c r="V63" s="44">
        <v>135.79666989591928</v>
      </c>
      <c r="W63" s="44">
        <v>93.805605933404905</v>
      </c>
      <c r="X63" s="44">
        <v>65.754012415084986</v>
      </c>
      <c r="Y63" s="44">
        <v>64.164840652327655</v>
      </c>
      <c r="Z63" s="44">
        <v>70.179364129308567</v>
      </c>
      <c r="AA63" s="44">
        <v>19.35151809368665</v>
      </c>
      <c r="AB63" s="44">
        <v>108.13548729107875</v>
      </c>
      <c r="AC63" s="44">
        <v>89.366051488847063</v>
      </c>
      <c r="AD63" s="44">
        <v>87.800950332362476</v>
      </c>
      <c r="AE63" s="47">
        <v>102.94364717997688</v>
      </c>
      <c r="AF63" s="46">
        <v>99.689484023234428</v>
      </c>
    </row>
    <row r="64" spans="1:32" ht="15.75" customHeight="1" x14ac:dyDescent="0.2">
      <c r="A64" s="41" t="s">
        <v>140</v>
      </c>
      <c r="B64" s="42" t="s">
        <v>141</v>
      </c>
      <c r="C64" s="43">
        <v>107.19976425940041</v>
      </c>
      <c r="D64" s="44">
        <v>96.075130779250898</v>
      </c>
      <c r="E64" s="44">
        <v>87.408400056332169</v>
      </c>
      <c r="F64" s="44">
        <v>64.654753754036136</v>
      </c>
      <c r="G64" s="44">
        <v>60.280842975579411</v>
      </c>
      <c r="H64" s="44">
        <v>47.268579314730601</v>
      </c>
      <c r="I64" s="44">
        <v>123.51375738068084</v>
      </c>
      <c r="J64" s="44">
        <v>132.58878828137938</v>
      </c>
      <c r="K64" s="44">
        <v>77.920341468233332</v>
      </c>
      <c r="L64" s="44">
        <v>112.47502641479012</v>
      </c>
      <c r="M64" s="44">
        <v>89.307878434860442</v>
      </c>
      <c r="N64" s="44">
        <v>96.892633886475224</v>
      </c>
      <c r="O64" s="44">
        <v>88.814827582756308</v>
      </c>
      <c r="P64" s="45">
        <v>113.62721225647658</v>
      </c>
      <c r="Q64" s="46">
        <v>105.06706884452198</v>
      </c>
      <c r="R64" s="43">
        <v>140.11199066110063</v>
      </c>
      <c r="S64" s="44">
        <v>103.9425666304324</v>
      </c>
      <c r="T64" s="44">
        <v>87.424318503008962</v>
      </c>
      <c r="U64" s="44">
        <v>91.480308795234791</v>
      </c>
      <c r="V64" s="44">
        <v>106.32434358780019</v>
      </c>
      <c r="W64" s="44">
        <v>40.314114436546063</v>
      </c>
      <c r="X64" s="44">
        <v>18.442447135908083</v>
      </c>
      <c r="Y64" s="44">
        <v>64.704399354643698</v>
      </c>
      <c r="Z64" s="44">
        <v>51.682364626312946</v>
      </c>
      <c r="AA64" s="44">
        <v>120.29314110153305</v>
      </c>
      <c r="AB64" s="44">
        <v>92.25156189087474</v>
      </c>
      <c r="AC64" s="44">
        <v>90.190279446235863</v>
      </c>
      <c r="AD64" s="44">
        <v>102.21904353162761</v>
      </c>
      <c r="AE64" s="47">
        <v>99.870424441751098</v>
      </c>
      <c r="AF64" s="46">
        <v>98.017302886996148</v>
      </c>
    </row>
    <row r="65" spans="1:32" ht="15.75" customHeight="1" thickBot="1" x14ac:dyDescent="0.25">
      <c r="A65" s="48" t="s">
        <v>142</v>
      </c>
      <c r="B65" s="49" t="s">
        <v>143</v>
      </c>
      <c r="C65" s="50">
        <v>93.570007283691552</v>
      </c>
      <c r="D65" s="51">
        <v>103.139871649672</v>
      </c>
      <c r="E65" s="51">
        <v>121.72776271035436</v>
      </c>
      <c r="F65" s="51">
        <v>43.646633951878414</v>
      </c>
      <c r="G65" s="51">
        <v>89.333079023561609</v>
      </c>
      <c r="H65" s="51">
        <v>42.390845872989679</v>
      </c>
      <c r="I65" s="51">
        <v>838.92567113681412</v>
      </c>
      <c r="J65" s="51">
        <v>21.811790618156483</v>
      </c>
      <c r="K65" s="51">
        <v>53.216316974929192</v>
      </c>
      <c r="L65" s="51">
        <v>0</v>
      </c>
      <c r="M65" s="51">
        <v>42.708036759288618</v>
      </c>
      <c r="N65" s="51">
        <v>110.90795045815213</v>
      </c>
      <c r="O65" s="51">
        <v>144.74738619782079</v>
      </c>
      <c r="P65" s="52">
        <v>93.207541449288129</v>
      </c>
      <c r="Q65" s="53">
        <v>93.160663326193784</v>
      </c>
      <c r="R65" s="50">
        <v>134.13579986109116</v>
      </c>
      <c r="S65" s="51">
        <v>103.44567632952365</v>
      </c>
      <c r="T65" s="51">
        <v>75.048500281704364</v>
      </c>
      <c r="U65" s="51">
        <v>16.004874827008919</v>
      </c>
      <c r="V65" s="51">
        <v>128.03181998130131</v>
      </c>
      <c r="W65" s="51">
        <v>105.58628200201049</v>
      </c>
      <c r="X65" s="51">
        <v>0</v>
      </c>
      <c r="Y65" s="51">
        <v>14.2739920356544</v>
      </c>
      <c r="Z65" s="51">
        <v>0</v>
      </c>
      <c r="AA65" s="51">
        <v>0</v>
      </c>
      <c r="AB65" s="51">
        <v>94.917007063199861</v>
      </c>
      <c r="AC65" s="51">
        <v>124.64448851742218</v>
      </c>
      <c r="AD65" s="51">
        <v>204.56751830830819</v>
      </c>
      <c r="AE65" s="54">
        <v>91.890506323670834</v>
      </c>
      <c r="AF65" s="53">
        <v>104.19011230474264</v>
      </c>
    </row>
  </sheetData>
  <phoneticPr fontId="3"/>
  <conditionalFormatting sqref="Q5">
    <cfRule type="cellIs" dxfId="5489" priority="5488" stopIfTrue="1" operator="equal">
      <formula>0</formula>
    </cfRule>
    <cfRule type="cellIs" dxfId="5488" priority="5489" operator="lessThanOrEqual">
      <formula>90</formula>
    </cfRule>
    <cfRule type="cellIs" dxfId="5487" priority="5490" operator="greaterThanOrEqual">
      <formula>110</formula>
    </cfRule>
  </conditionalFormatting>
  <conditionalFormatting sqref="Q6">
    <cfRule type="cellIs" dxfId="5486" priority="5485" stopIfTrue="1" operator="equal">
      <formula>0</formula>
    </cfRule>
    <cfRule type="cellIs" dxfId="5485" priority="5486" operator="lessThanOrEqual">
      <formula>90</formula>
    </cfRule>
    <cfRule type="cellIs" dxfId="5484" priority="5487" operator="greaterThanOrEqual">
      <formula>110</formula>
    </cfRule>
  </conditionalFormatting>
  <conditionalFormatting sqref="Q7">
    <cfRule type="cellIs" dxfId="5483" priority="5482" stopIfTrue="1" operator="equal">
      <formula>0</formula>
    </cfRule>
    <cfRule type="cellIs" dxfId="5482" priority="5483" operator="lessThanOrEqual">
      <formula>90</formula>
    </cfRule>
    <cfRule type="cellIs" dxfId="5481" priority="5484" operator="greaterThanOrEqual">
      <formula>110</formula>
    </cfRule>
  </conditionalFormatting>
  <conditionalFormatting sqref="Q8">
    <cfRule type="cellIs" dxfId="5480" priority="5479" stopIfTrue="1" operator="equal">
      <formula>0</formula>
    </cfRule>
    <cfRule type="cellIs" dxfId="5479" priority="5480" operator="lessThanOrEqual">
      <formula>90</formula>
    </cfRule>
    <cfRule type="cellIs" dxfId="5478" priority="5481" operator="greaterThanOrEqual">
      <formula>110</formula>
    </cfRule>
  </conditionalFormatting>
  <conditionalFormatting sqref="Q9">
    <cfRule type="cellIs" dxfId="5477" priority="5476" stopIfTrue="1" operator="equal">
      <formula>0</formula>
    </cfRule>
    <cfRule type="cellIs" dxfId="5476" priority="5477" operator="lessThanOrEqual">
      <formula>90</formula>
    </cfRule>
    <cfRule type="cellIs" dxfId="5475" priority="5478" operator="greaterThanOrEqual">
      <formula>110</formula>
    </cfRule>
  </conditionalFormatting>
  <conditionalFormatting sqref="Q10">
    <cfRule type="cellIs" dxfId="5474" priority="5473" stopIfTrue="1" operator="equal">
      <formula>0</formula>
    </cfRule>
    <cfRule type="cellIs" dxfId="5473" priority="5474" operator="lessThanOrEqual">
      <formula>90</formula>
    </cfRule>
    <cfRule type="cellIs" dxfId="5472" priority="5475" operator="greaterThanOrEqual">
      <formula>110</formula>
    </cfRule>
  </conditionalFormatting>
  <conditionalFormatting sqref="Q11">
    <cfRule type="cellIs" dxfId="5471" priority="5470" stopIfTrue="1" operator="equal">
      <formula>0</formula>
    </cfRule>
    <cfRule type="cellIs" dxfId="5470" priority="5471" operator="lessThanOrEqual">
      <formula>90</formula>
    </cfRule>
    <cfRule type="cellIs" dxfId="5469" priority="5472" operator="greaterThanOrEqual">
      <formula>110</formula>
    </cfRule>
  </conditionalFormatting>
  <conditionalFormatting sqref="Q12">
    <cfRule type="cellIs" dxfId="5468" priority="5467" stopIfTrue="1" operator="equal">
      <formula>0</formula>
    </cfRule>
    <cfRule type="cellIs" dxfId="5467" priority="5468" operator="lessThanOrEqual">
      <formula>90</formula>
    </cfRule>
    <cfRule type="cellIs" dxfId="5466" priority="5469" operator="greaterThanOrEqual">
      <formula>110</formula>
    </cfRule>
  </conditionalFormatting>
  <conditionalFormatting sqref="Q13">
    <cfRule type="cellIs" dxfId="5465" priority="5464" stopIfTrue="1" operator="equal">
      <formula>0</formula>
    </cfRule>
    <cfRule type="cellIs" dxfId="5464" priority="5465" operator="lessThanOrEqual">
      <formula>90</formula>
    </cfRule>
    <cfRule type="cellIs" dxfId="5463" priority="5466" operator="greaterThanOrEqual">
      <formula>110</formula>
    </cfRule>
  </conditionalFormatting>
  <conditionalFormatting sqref="Q14">
    <cfRule type="cellIs" dxfId="5462" priority="5461" stopIfTrue="1" operator="equal">
      <formula>0</formula>
    </cfRule>
    <cfRule type="cellIs" dxfId="5461" priority="5462" operator="lessThanOrEqual">
      <formula>90</formula>
    </cfRule>
    <cfRule type="cellIs" dxfId="5460" priority="5463" operator="greaterThanOrEqual">
      <formula>110</formula>
    </cfRule>
  </conditionalFormatting>
  <conditionalFormatting sqref="Q15">
    <cfRule type="cellIs" dxfId="5459" priority="5458" stopIfTrue="1" operator="equal">
      <formula>0</formula>
    </cfRule>
    <cfRule type="cellIs" dxfId="5458" priority="5459" operator="lessThanOrEqual">
      <formula>90</formula>
    </cfRule>
    <cfRule type="cellIs" dxfId="5457" priority="5460" operator="greaterThanOrEqual">
      <formula>110</formula>
    </cfRule>
  </conditionalFormatting>
  <conditionalFormatting sqref="Q16">
    <cfRule type="cellIs" dxfId="5456" priority="5455" stopIfTrue="1" operator="equal">
      <formula>0</formula>
    </cfRule>
    <cfRule type="cellIs" dxfId="5455" priority="5456" operator="lessThanOrEqual">
      <formula>90</formula>
    </cfRule>
    <cfRule type="cellIs" dxfId="5454" priority="5457" operator="greaterThanOrEqual">
      <formula>110</formula>
    </cfRule>
  </conditionalFormatting>
  <conditionalFormatting sqref="Q17">
    <cfRule type="cellIs" dxfId="5453" priority="5452" stopIfTrue="1" operator="equal">
      <formula>0</formula>
    </cfRule>
    <cfRule type="cellIs" dxfId="5452" priority="5453" operator="lessThanOrEqual">
      <formula>90</formula>
    </cfRule>
    <cfRule type="cellIs" dxfId="5451" priority="5454" operator="greaterThanOrEqual">
      <formula>110</formula>
    </cfRule>
  </conditionalFormatting>
  <conditionalFormatting sqref="Q18">
    <cfRule type="cellIs" dxfId="5450" priority="5449" stopIfTrue="1" operator="equal">
      <formula>0</formula>
    </cfRule>
    <cfRule type="cellIs" dxfId="5449" priority="5450" operator="lessThanOrEqual">
      <formula>90</formula>
    </cfRule>
    <cfRule type="cellIs" dxfId="5448" priority="5451" operator="greaterThanOrEqual">
      <formula>110</formula>
    </cfRule>
  </conditionalFormatting>
  <conditionalFormatting sqref="Q19">
    <cfRule type="cellIs" dxfId="5447" priority="5446" stopIfTrue="1" operator="equal">
      <formula>0</formula>
    </cfRule>
    <cfRule type="cellIs" dxfId="5446" priority="5447" operator="lessThanOrEqual">
      <formula>90</formula>
    </cfRule>
    <cfRule type="cellIs" dxfId="5445" priority="5448" operator="greaterThanOrEqual">
      <formula>110</formula>
    </cfRule>
  </conditionalFormatting>
  <conditionalFormatting sqref="Q20">
    <cfRule type="cellIs" dxfId="5444" priority="5443" stopIfTrue="1" operator="equal">
      <formula>0</formula>
    </cfRule>
    <cfRule type="cellIs" dxfId="5443" priority="5444" operator="lessThanOrEqual">
      <formula>90</formula>
    </cfRule>
    <cfRule type="cellIs" dxfId="5442" priority="5445" operator="greaterThanOrEqual">
      <formula>110</formula>
    </cfRule>
  </conditionalFormatting>
  <conditionalFormatting sqref="Q21">
    <cfRule type="cellIs" dxfId="5441" priority="5440" stopIfTrue="1" operator="equal">
      <formula>0</formula>
    </cfRule>
    <cfRule type="cellIs" dxfId="5440" priority="5441" operator="lessThanOrEqual">
      <formula>90</formula>
    </cfRule>
    <cfRule type="cellIs" dxfId="5439" priority="5442" operator="greaterThanOrEqual">
      <formula>110</formula>
    </cfRule>
  </conditionalFormatting>
  <conditionalFormatting sqref="Q22">
    <cfRule type="cellIs" dxfId="5438" priority="5437" stopIfTrue="1" operator="equal">
      <formula>0</formula>
    </cfRule>
    <cfRule type="cellIs" dxfId="5437" priority="5438" operator="lessThanOrEqual">
      <formula>90</formula>
    </cfRule>
    <cfRule type="cellIs" dxfId="5436" priority="5439" operator="greaterThanOrEqual">
      <formula>110</formula>
    </cfRule>
  </conditionalFormatting>
  <conditionalFormatting sqref="Q23">
    <cfRule type="cellIs" dxfId="5435" priority="5434" stopIfTrue="1" operator="equal">
      <formula>0</formula>
    </cfRule>
    <cfRule type="cellIs" dxfId="5434" priority="5435" operator="lessThanOrEqual">
      <formula>90</formula>
    </cfRule>
    <cfRule type="cellIs" dxfId="5433" priority="5436" operator="greaterThanOrEqual">
      <formula>110</formula>
    </cfRule>
  </conditionalFormatting>
  <conditionalFormatting sqref="Q24">
    <cfRule type="cellIs" dxfId="5432" priority="5431" stopIfTrue="1" operator="equal">
      <formula>0</formula>
    </cfRule>
    <cfRule type="cellIs" dxfId="5431" priority="5432" operator="lessThanOrEqual">
      <formula>90</formula>
    </cfRule>
    <cfRule type="cellIs" dxfId="5430" priority="5433" operator="greaterThanOrEqual">
      <formula>110</formula>
    </cfRule>
  </conditionalFormatting>
  <conditionalFormatting sqref="Q25">
    <cfRule type="cellIs" dxfId="5429" priority="5428" stopIfTrue="1" operator="equal">
      <formula>0</formula>
    </cfRule>
    <cfRule type="cellIs" dxfId="5428" priority="5429" operator="lessThanOrEqual">
      <formula>90</formula>
    </cfRule>
    <cfRule type="cellIs" dxfId="5427" priority="5430" operator="greaterThanOrEqual">
      <formula>110</formula>
    </cfRule>
  </conditionalFormatting>
  <conditionalFormatting sqref="Q26">
    <cfRule type="cellIs" dxfId="5426" priority="5425" stopIfTrue="1" operator="equal">
      <formula>0</formula>
    </cfRule>
    <cfRule type="cellIs" dxfId="5425" priority="5426" operator="lessThanOrEqual">
      <formula>90</formula>
    </cfRule>
    <cfRule type="cellIs" dxfId="5424" priority="5427" operator="greaterThanOrEqual">
      <formula>110</formula>
    </cfRule>
  </conditionalFormatting>
  <conditionalFormatting sqref="Q27">
    <cfRule type="cellIs" dxfId="5423" priority="5422" stopIfTrue="1" operator="equal">
      <formula>0</formula>
    </cfRule>
    <cfRule type="cellIs" dxfId="5422" priority="5423" operator="lessThanOrEqual">
      <formula>90</formula>
    </cfRule>
    <cfRule type="cellIs" dxfId="5421" priority="5424" operator="greaterThanOrEqual">
      <formula>110</formula>
    </cfRule>
  </conditionalFormatting>
  <conditionalFormatting sqref="Q28">
    <cfRule type="cellIs" dxfId="5420" priority="5419" stopIfTrue="1" operator="equal">
      <formula>0</formula>
    </cfRule>
    <cfRule type="cellIs" dxfId="5419" priority="5420" operator="lessThanOrEqual">
      <formula>90</formula>
    </cfRule>
    <cfRule type="cellIs" dxfId="5418" priority="5421" operator="greaterThanOrEqual">
      <formula>110</formula>
    </cfRule>
  </conditionalFormatting>
  <conditionalFormatting sqref="Q29">
    <cfRule type="cellIs" dxfId="5417" priority="5416" stopIfTrue="1" operator="equal">
      <formula>0</formula>
    </cfRule>
    <cfRule type="cellIs" dxfId="5416" priority="5417" operator="lessThanOrEqual">
      <formula>90</formula>
    </cfRule>
    <cfRule type="cellIs" dxfId="5415" priority="5418" operator="greaterThanOrEqual">
      <formula>110</formula>
    </cfRule>
  </conditionalFormatting>
  <conditionalFormatting sqref="Q30">
    <cfRule type="cellIs" dxfId="5414" priority="5413" stopIfTrue="1" operator="equal">
      <formula>0</formula>
    </cfRule>
    <cfRule type="cellIs" dxfId="5413" priority="5414" operator="lessThanOrEqual">
      <formula>90</formula>
    </cfRule>
    <cfRule type="cellIs" dxfId="5412" priority="5415" operator="greaterThanOrEqual">
      <formula>110</formula>
    </cfRule>
  </conditionalFormatting>
  <conditionalFormatting sqref="Q31">
    <cfRule type="cellIs" dxfId="5411" priority="5410" stopIfTrue="1" operator="equal">
      <formula>0</formula>
    </cfRule>
    <cfRule type="cellIs" dxfId="5410" priority="5411" operator="lessThanOrEqual">
      <formula>90</formula>
    </cfRule>
    <cfRule type="cellIs" dxfId="5409" priority="5412" operator="greaterThanOrEqual">
      <formula>110</formula>
    </cfRule>
  </conditionalFormatting>
  <conditionalFormatting sqref="Q32">
    <cfRule type="cellIs" dxfId="5408" priority="5407" stopIfTrue="1" operator="equal">
      <formula>0</formula>
    </cfRule>
    <cfRule type="cellIs" dxfId="5407" priority="5408" operator="lessThanOrEqual">
      <formula>90</formula>
    </cfRule>
    <cfRule type="cellIs" dxfId="5406" priority="5409" operator="greaterThanOrEqual">
      <formula>110</formula>
    </cfRule>
  </conditionalFormatting>
  <conditionalFormatting sqref="Q33">
    <cfRule type="cellIs" dxfId="5405" priority="5404" stopIfTrue="1" operator="equal">
      <formula>0</formula>
    </cfRule>
    <cfRule type="cellIs" dxfId="5404" priority="5405" operator="lessThanOrEqual">
      <formula>90</formula>
    </cfRule>
    <cfRule type="cellIs" dxfId="5403" priority="5406" operator="greaterThanOrEqual">
      <formula>110</formula>
    </cfRule>
  </conditionalFormatting>
  <conditionalFormatting sqref="Q34">
    <cfRule type="cellIs" dxfId="5402" priority="5401" stopIfTrue="1" operator="equal">
      <formula>0</formula>
    </cfRule>
    <cfRule type="cellIs" dxfId="5401" priority="5402" operator="lessThanOrEqual">
      <formula>90</formula>
    </cfRule>
    <cfRule type="cellIs" dxfId="5400" priority="5403" operator="greaterThanOrEqual">
      <formula>110</formula>
    </cfRule>
  </conditionalFormatting>
  <conditionalFormatting sqref="Q35">
    <cfRule type="cellIs" dxfId="5399" priority="5398" stopIfTrue="1" operator="equal">
      <formula>0</formula>
    </cfRule>
    <cfRule type="cellIs" dxfId="5398" priority="5399" operator="lessThanOrEqual">
      <formula>90</formula>
    </cfRule>
    <cfRule type="cellIs" dxfId="5397" priority="5400" operator="greaterThanOrEqual">
      <formula>110</formula>
    </cfRule>
  </conditionalFormatting>
  <conditionalFormatting sqref="Q36">
    <cfRule type="cellIs" dxfId="5396" priority="5395" stopIfTrue="1" operator="equal">
      <formula>0</formula>
    </cfRule>
    <cfRule type="cellIs" dxfId="5395" priority="5396" operator="lessThanOrEqual">
      <formula>90</formula>
    </cfRule>
    <cfRule type="cellIs" dxfId="5394" priority="5397" operator="greaterThanOrEqual">
      <formula>110</formula>
    </cfRule>
  </conditionalFormatting>
  <conditionalFormatting sqref="Q37">
    <cfRule type="cellIs" dxfId="5393" priority="5392" stopIfTrue="1" operator="equal">
      <formula>0</formula>
    </cfRule>
    <cfRule type="cellIs" dxfId="5392" priority="5393" operator="lessThanOrEqual">
      <formula>90</formula>
    </cfRule>
    <cfRule type="cellIs" dxfId="5391" priority="5394" operator="greaterThanOrEqual">
      <formula>110</formula>
    </cfRule>
  </conditionalFormatting>
  <conditionalFormatting sqref="Q38">
    <cfRule type="cellIs" dxfId="5390" priority="5389" stopIfTrue="1" operator="equal">
      <formula>0</formula>
    </cfRule>
    <cfRule type="cellIs" dxfId="5389" priority="5390" operator="lessThanOrEqual">
      <formula>90</formula>
    </cfRule>
    <cfRule type="cellIs" dxfId="5388" priority="5391" operator="greaterThanOrEqual">
      <formula>110</formula>
    </cfRule>
  </conditionalFormatting>
  <conditionalFormatting sqref="Q39">
    <cfRule type="cellIs" dxfId="5387" priority="5386" stopIfTrue="1" operator="equal">
      <formula>0</formula>
    </cfRule>
    <cfRule type="cellIs" dxfId="5386" priority="5387" operator="lessThanOrEqual">
      <formula>90</formula>
    </cfRule>
    <cfRule type="cellIs" dxfId="5385" priority="5388" operator="greaterThanOrEqual">
      <formula>110</formula>
    </cfRule>
  </conditionalFormatting>
  <conditionalFormatting sqref="Q40">
    <cfRule type="cellIs" dxfId="5384" priority="5383" stopIfTrue="1" operator="equal">
      <formula>0</formula>
    </cfRule>
    <cfRule type="cellIs" dxfId="5383" priority="5384" operator="lessThanOrEqual">
      <formula>90</formula>
    </cfRule>
    <cfRule type="cellIs" dxfId="5382" priority="5385" operator="greaterThanOrEqual">
      <formula>110</formula>
    </cfRule>
  </conditionalFormatting>
  <conditionalFormatting sqref="Q41">
    <cfRule type="cellIs" dxfId="5381" priority="5380" stopIfTrue="1" operator="equal">
      <formula>0</formula>
    </cfRule>
    <cfRule type="cellIs" dxfId="5380" priority="5381" operator="lessThanOrEqual">
      <formula>90</formula>
    </cfRule>
    <cfRule type="cellIs" dxfId="5379" priority="5382" operator="greaterThanOrEqual">
      <formula>110</formula>
    </cfRule>
  </conditionalFormatting>
  <conditionalFormatting sqref="Q42">
    <cfRule type="cellIs" dxfId="5378" priority="5377" stopIfTrue="1" operator="equal">
      <formula>0</formula>
    </cfRule>
    <cfRule type="cellIs" dxfId="5377" priority="5378" operator="lessThanOrEqual">
      <formula>90</formula>
    </cfRule>
    <cfRule type="cellIs" dxfId="5376" priority="5379" operator="greaterThanOrEqual">
      <formula>110</formula>
    </cfRule>
  </conditionalFormatting>
  <conditionalFormatting sqref="Q43">
    <cfRule type="cellIs" dxfId="5375" priority="5374" stopIfTrue="1" operator="equal">
      <formula>0</formula>
    </cfRule>
    <cfRule type="cellIs" dxfId="5374" priority="5375" operator="lessThanOrEqual">
      <formula>90</formula>
    </cfRule>
    <cfRule type="cellIs" dxfId="5373" priority="5376" operator="greaterThanOrEqual">
      <formula>110</formula>
    </cfRule>
  </conditionalFormatting>
  <conditionalFormatting sqref="Q44">
    <cfRule type="cellIs" dxfId="5372" priority="5371" stopIfTrue="1" operator="equal">
      <formula>0</formula>
    </cfRule>
    <cfRule type="cellIs" dxfId="5371" priority="5372" operator="lessThanOrEqual">
      <formula>90</formula>
    </cfRule>
    <cfRule type="cellIs" dxfId="5370" priority="5373" operator="greaterThanOrEqual">
      <formula>110</formula>
    </cfRule>
  </conditionalFormatting>
  <conditionalFormatting sqref="Q45">
    <cfRule type="cellIs" dxfId="5369" priority="5368" stopIfTrue="1" operator="equal">
      <formula>0</formula>
    </cfRule>
    <cfRule type="cellIs" dxfId="5368" priority="5369" operator="lessThanOrEqual">
      <formula>90</formula>
    </cfRule>
    <cfRule type="cellIs" dxfId="5367" priority="5370" operator="greaterThanOrEqual">
      <formula>110</formula>
    </cfRule>
  </conditionalFormatting>
  <conditionalFormatting sqref="Q46">
    <cfRule type="cellIs" dxfId="5366" priority="5365" stopIfTrue="1" operator="equal">
      <formula>0</formula>
    </cfRule>
    <cfRule type="cellIs" dxfId="5365" priority="5366" operator="lessThanOrEqual">
      <formula>90</formula>
    </cfRule>
    <cfRule type="cellIs" dxfId="5364" priority="5367" operator="greaterThanOrEqual">
      <formula>110</formula>
    </cfRule>
  </conditionalFormatting>
  <conditionalFormatting sqref="Q47">
    <cfRule type="cellIs" dxfId="5363" priority="5362" stopIfTrue="1" operator="equal">
      <formula>0</formula>
    </cfRule>
    <cfRule type="cellIs" dxfId="5362" priority="5363" operator="lessThanOrEqual">
      <formula>90</formula>
    </cfRule>
    <cfRule type="cellIs" dxfId="5361" priority="5364" operator="greaterThanOrEqual">
      <formula>110</formula>
    </cfRule>
  </conditionalFormatting>
  <conditionalFormatting sqref="Q48">
    <cfRule type="cellIs" dxfId="5360" priority="5359" stopIfTrue="1" operator="equal">
      <formula>0</formula>
    </cfRule>
    <cfRule type="cellIs" dxfId="5359" priority="5360" operator="lessThanOrEqual">
      <formula>90</formula>
    </cfRule>
    <cfRule type="cellIs" dxfId="5358" priority="5361" operator="greaterThanOrEqual">
      <formula>110</formula>
    </cfRule>
  </conditionalFormatting>
  <conditionalFormatting sqref="Q49">
    <cfRule type="cellIs" dxfId="5357" priority="5356" stopIfTrue="1" operator="equal">
      <formula>0</formula>
    </cfRule>
    <cfRule type="cellIs" dxfId="5356" priority="5357" operator="lessThanOrEqual">
      <formula>90</formula>
    </cfRule>
    <cfRule type="cellIs" dxfId="5355" priority="5358" operator="greaterThanOrEqual">
      <formula>110</formula>
    </cfRule>
  </conditionalFormatting>
  <conditionalFormatting sqref="Q50">
    <cfRule type="cellIs" dxfId="5354" priority="5353" stopIfTrue="1" operator="equal">
      <formula>0</formula>
    </cfRule>
    <cfRule type="cellIs" dxfId="5353" priority="5354" operator="lessThanOrEqual">
      <formula>90</formula>
    </cfRule>
    <cfRule type="cellIs" dxfId="5352" priority="5355" operator="greaterThanOrEqual">
      <formula>110</formula>
    </cfRule>
  </conditionalFormatting>
  <conditionalFormatting sqref="Q51">
    <cfRule type="cellIs" dxfId="5351" priority="5350" stopIfTrue="1" operator="equal">
      <formula>0</formula>
    </cfRule>
    <cfRule type="cellIs" dxfId="5350" priority="5351" operator="lessThanOrEqual">
      <formula>90</formula>
    </cfRule>
    <cfRule type="cellIs" dxfId="5349" priority="5352" operator="greaterThanOrEqual">
      <formula>110</formula>
    </cfRule>
  </conditionalFormatting>
  <conditionalFormatting sqref="Q52">
    <cfRule type="cellIs" dxfId="5348" priority="5347" stopIfTrue="1" operator="equal">
      <formula>0</formula>
    </cfRule>
    <cfRule type="cellIs" dxfId="5347" priority="5348" operator="lessThanOrEqual">
      <formula>90</formula>
    </cfRule>
    <cfRule type="cellIs" dxfId="5346" priority="5349" operator="greaterThanOrEqual">
      <formula>110</formula>
    </cfRule>
  </conditionalFormatting>
  <conditionalFormatting sqref="Q53">
    <cfRule type="cellIs" dxfId="5345" priority="5344" stopIfTrue="1" operator="equal">
      <formula>0</formula>
    </cfRule>
    <cfRule type="cellIs" dxfId="5344" priority="5345" operator="lessThanOrEqual">
      <formula>90</formula>
    </cfRule>
    <cfRule type="cellIs" dxfId="5343" priority="5346" operator="greaterThanOrEqual">
      <formula>110</formula>
    </cfRule>
  </conditionalFormatting>
  <conditionalFormatting sqref="Q54">
    <cfRule type="cellIs" dxfId="5342" priority="5341" stopIfTrue="1" operator="equal">
      <formula>0</formula>
    </cfRule>
    <cfRule type="cellIs" dxfId="5341" priority="5342" operator="lessThanOrEqual">
      <formula>90</formula>
    </cfRule>
    <cfRule type="cellIs" dxfId="5340" priority="5343" operator="greaterThanOrEqual">
      <formula>110</formula>
    </cfRule>
  </conditionalFormatting>
  <conditionalFormatting sqref="Q55">
    <cfRule type="cellIs" dxfId="5339" priority="5338" stopIfTrue="1" operator="equal">
      <formula>0</formula>
    </cfRule>
    <cfRule type="cellIs" dxfId="5338" priority="5339" operator="lessThanOrEqual">
      <formula>90</formula>
    </cfRule>
    <cfRule type="cellIs" dxfId="5337" priority="5340" operator="greaterThanOrEqual">
      <formula>110</formula>
    </cfRule>
  </conditionalFormatting>
  <conditionalFormatting sqref="Q56">
    <cfRule type="cellIs" dxfId="5336" priority="5335" stopIfTrue="1" operator="equal">
      <formula>0</formula>
    </cfRule>
    <cfRule type="cellIs" dxfId="5335" priority="5336" operator="lessThanOrEqual">
      <formula>90</formula>
    </cfRule>
    <cfRule type="cellIs" dxfId="5334" priority="5337" operator="greaterThanOrEqual">
      <formula>110</formula>
    </cfRule>
  </conditionalFormatting>
  <conditionalFormatting sqref="Q57">
    <cfRule type="cellIs" dxfId="5333" priority="5332" stopIfTrue="1" operator="equal">
      <formula>0</formula>
    </cfRule>
    <cfRule type="cellIs" dxfId="5332" priority="5333" operator="lessThanOrEqual">
      <formula>90</formula>
    </cfRule>
    <cfRule type="cellIs" dxfId="5331" priority="5334" operator="greaterThanOrEqual">
      <formula>110</formula>
    </cfRule>
  </conditionalFormatting>
  <conditionalFormatting sqref="Q58">
    <cfRule type="cellIs" dxfId="5330" priority="5329" stopIfTrue="1" operator="equal">
      <formula>0</formula>
    </cfRule>
    <cfRule type="cellIs" dxfId="5329" priority="5330" operator="lessThanOrEqual">
      <formula>90</formula>
    </cfRule>
    <cfRule type="cellIs" dxfId="5328" priority="5331" operator="greaterThanOrEqual">
      <formula>110</formula>
    </cfRule>
  </conditionalFormatting>
  <conditionalFormatting sqref="Q59">
    <cfRule type="cellIs" dxfId="5327" priority="5326" stopIfTrue="1" operator="equal">
      <formula>0</formula>
    </cfRule>
    <cfRule type="cellIs" dxfId="5326" priority="5327" operator="lessThanOrEqual">
      <formula>90</formula>
    </cfRule>
    <cfRule type="cellIs" dxfId="5325" priority="5328" operator="greaterThanOrEqual">
      <formula>110</formula>
    </cfRule>
  </conditionalFormatting>
  <conditionalFormatting sqref="Q60">
    <cfRule type="cellIs" dxfId="5324" priority="5323" stopIfTrue="1" operator="equal">
      <formula>0</formula>
    </cfRule>
    <cfRule type="cellIs" dxfId="5323" priority="5324" operator="lessThanOrEqual">
      <formula>90</formula>
    </cfRule>
    <cfRule type="cellIs" dxfId="5322" priority="5325" operator="greaterThanOrEqual">
      <formula>110</formula>
    </cfRule>
  </conditionalFormatting>
  <conditionalFormatting sqref="Q61">
    <cfRule type="cellIs" dxfId="5321" priority="5320" stopIfTrue="1" operator="equal">
      <formula>0</formula>
    </cfRule>
    <cfRule type="cellIs" dxfId="5320" priority="5321" operator="lessThanOrEqual">
      <formula>90</formula>
    </cfRule>
    <cfRule type="cellIs" dxfId="5319" priority="5322" operator="greaterThanOrEqual">
      <formula>110</formula>
    </cfRule>
  </conditionalFormatting>
  <conditionalFormatting sqref="Q62">
    <cfRule type="cellIs" dxfId="5318" priority="5317" stopIfTrue="1" operator="equal">
      <formula>0</formula>
    </cfRule>
    <cfRule type="cellIs" dxfId="5317" priority="5318" operator="lessThanOrEqual">
      <formula>90</formula>
    </cfRule>
    <cfRule type="cellIs" dxfId="5316" priority="5319" operator="greaterThanOrEqual">
      <formula>110</formula>
    </cfRule>
  </conditionalFormatting>
  <conditionalFormatting sqref="Q63">
    <cfRule type="cellIs" dxfId="5315" priority="5314" stopIfTrue="1" operator="equal">
      <formula>0</formula>
    </cfRule>
    <cfRule type="cellIs" dxfId="5314" priority="5315" operator="lessThanOrEqual">
      <formula>90</formula>
    </cfRule>
    <cfRule type="cellIs" dxfId="5313" priority="5316" operator="greaterThanOrEqual">
      <formula>110</formula>
    </cfRule>
  </conditionalFormatting>
  <conditionalFormatting sqref="Q64">
    <cfRule type="cellIs" dxfId="5312" priority="5311" stopIfTrue="1" operator="equal">
      <formula>0</formula>
    </cfRule>
    <cfRule type="cellIs" dxfId="5311" priority="5312" operator="lessThanOrEqual">
      <formula>90</formula>
    </cfRule>
    <cfRule type="cellIs" dxfId="5310" priority="5313" operator="greaterThanOrEqual">
      <formula>110</formula>
    </cfRule>
  </conditionalFormatting>
  <conditionalFormatting sqref="Q65">
    <cfRule type="cellIs" dxfId="5309" priority="5308" stopIfTrue="1" operator="equal">
      <formula>0</formula>
    </cfRule>
    <cfRule type="cellIs" dxfId="5308" priority="5309" operator="lessThanOrEqual">
      <formula>90</formula>
    </cfRule>
    <cfRule type="cellIs" dxfId="5307" priority="5310" operator="greaterThanOrEqual">
      <formula>110</formula>
    </cfRule>
  </conditionalFormatting>
  <conditionalFormatting sqref="C5">
    <cfRule type="cellIs" dxfId="5306" priority="5305" stopIfTrue="1" operator="equal">
      <formula>0</formula>
    </cfRule>
    <cfRule type="cellIs" dxfId="5305" priority="5306" operator="lessThanOrEqual">
      <formula>90</formula>
    </cfRule>
    <cfRule type="cellIs" dxfId="5304" priority="5307" operator="greaterThanOrEqual">
      <formula>110</formula>
    </cfRule>
  </conditionalFormatting>
  <conditionalFormatting sqref="C6">
    <cfRule type="cellIs" dxfId="5303" priority="5302" stopIfTrue="1" operator="equal">
      <formula>0</formula>
    </cfRule>
    <cfRule type="cellIs" dxfId="5302" priority="5303" operator="lessThanOrEqual">
      <formula>90</formula>
    </cfRule>
    <cfRule type="cellIs" dxfId="5301" priority="5304" operator="greaterThanOrEqual">
      <formula>110</formula>
    </cfRule>
  </conditionalFormatting>
  <conditionalFormatting sqref="C7">
    <cfRule type="cellIs" dxfId="5300" priority="5299" stopIfTrue="1" operator="equal">
      <formula>0</formula>
    </cfRule>
    <cfRule type="cellIs" dxfId="5299" priority="5300" operator="lessThanOrEqual">
      <formula>90</formula>
    </cfRule>
    <cfRule type="cellIs" dxfId="5298" priority="5301" operator="greaterThanOrEqual">
      <formula>110</formula>
    </cfRule>
  </conditionalFormatting>
  <conditionalFormatting sqref="C8">
    <cfRule type="cellIs" dxfId="5297" priority="5296" stopIfTrue="1" operator="equal">
      <formula>0</formula>
    </cfRule>
    <cfRule type="cellIs" dxfId="5296" priority="5297" operator="lessThanOrEqual">
      <formula>90</formula>
    </cfRule>
    <cfRule type="cellIs" dxfId="5295" priority="5298" operator="greaterThanOrEqual">
      <formula>110</formula>
    </cfRule>
  </conditionalFormatting>
  <conditionalFormatting sqref="C9">
    <cfRule type="cellIs" dxfId="5294" priority="5293" stopIfTrue="1" operator="equal">
      <formula>0</formula>
    </cfRule>
    <cfRule type="cellIs" dxfId="5293" priority="5294" operator="lessThanOrEqual">
      <formula>90</formula>
    </cfRule>
    <cfRule type="cellIs" dxfId="5292" priority="5295" operator="greaterThanOrEqual">
      <formula>110</formula>
    </cfRule>
  </conditionalFormatting>
  <conditionalFormatting sqref="C10">
    <cfRule type="cellIs" dxfId="5291" priority="5290" stopIfTrue="1" operator="equal">
      <formula>0</formula>
    </cfRule>
    <cfRule type="cellIs" dxfId="5290" priority="5291" operator="lessThanOrEqual">
      <formula>90</formula>
    </cfRule>
    <cfRule type="cellIs" dxfId="5289" priority="5292" operator="greaterThanOrEqual">
      <formula>110</formula>
    </cfRule>
  </conditionalFormatting>
  <conditionalFormatting sqref="C11">
    <cfRule type="cellIs" dxfId="5288" priority="5287" stopIfTrue="1" operator="equal">
      <formula>0</formula>
    </cfRule>
    <cfRule type="cellIs" dxfId="5287" priority="5288" operator="lessThanOrEqual">
      <formula>90</formula>
    </cfRule>
    <cfRule type="cellIs" dxfId="5286" priority="5289" operator="greaterThanOrEqual">
      <formula>110</formula>
    </cfRule>
  </conditionalFormatting>
  <conditionalFormatting sqref="C12">
    <cfRule type="cellIs" dxfId="5285" priority="5284" stopIfTrue="1" operator="equal">
      <formula>0</formula>
    </cfRule>
    <cfRule type="cellIs" dxfId="5284" priority="5285" operator="lessThanOrEqual">
      <formula>90</formula>
    </cfRule>
    <cfRule type="cellIs" dxfId="5283" priority="5286" operator="greaterThanOrEqual">
      <formula>110</formula>
    </cfRule>
  </conditionalFormatting>
  <conditionalFormatting sqref="C13">
    <cfRule type="cellIs" dxfId="5282" priority="5281" stopIfTrue="1" operator="equal">
      <formula>0</formula>
    </cfRule>
    <cfRule type="cellIs" dxfId="5281" priority="5282" operator="lessThanOrEqual">
      <formula>90</formula>
    </cfRule>
    <cfRule type="cellIs" dxfId="5280" priority="5283" operator="greaterThanOrEqual">
      <formula>110</formula>
    </cfRule>
  </conditionalFormatting>
  <conditionalFormatting sqref="C14">
    <cfRule type="cellIs" dxfId="5279" priority="5278" stopIfTrue="1" operator="equal">
      <formula>0</formula>
    </cfRule>
    <cfRule type="cellIs" dxfId="5278" priority="5279" operator="lessThanOrEqual">
      <formula>90</formula>
    </cfRule>
    <cfRule type="cellIs" dxfId="5277" priority="5280" operator="greaterThanOrEqual">
      <formula>110</formula>
    </cfRule>
  </conditionalFormatting>
  <conditionalFormatting sqref="C15">
    <cfRule type="cellIs" dxfId="5276" priority="5275" stopIfTrue="1" operator="equal">
      <formula>0</formula>
    </cfRule>
    <cfRule type="cellIs" dxfId="5275" priority="5276" operator="lessThanOrEqual">
      <formula>90</formula>
    </cfRule>
    <cfRule type="cellIs" dxfId="5274" priority="5277" operator="greaterThanOrEqual">
      <formula>110</formula>
    </cfRule>
  </conditionalFormatting>
  <conditionalFormatting sqref="C16">
    <cfRule type="cellIs" dxfId="5273" priority="5272" stopIfTrue="1" operator="equal">
      <formula>0</formula>
    </cfRule>
    <cfRule type="cellIs" dxfId="5272" priority="5273" operator="lessThanOrEqual">
      <formula>90</formula>
    </cfRule>
    <cfRule type="cellIs" dxfId="5271" priority="5274" operator="greaterThanOrEqual">
      <formula>110</formula>
    </cfRule>
  </conditionalFormatting>
  <conditionalFormatting sqref="C17">
    <cfRule type="cellIs" dxfId="5270" priority="5269" stopIfTrue="1" operator="equal">
      <formula>0</formula>
    </cfRule>
    <cfRule type="cellIs" dxfId="5269" priority="5270" operator="lessThanOrEqual">
      <formula>90</formula>
    </cfRule>
    <cfRule type="cellIs" dxfId="5268" priority="5271" operator="greaterThanOrEqual">
      <formula>110</formula>
    </cfRule>
  </conditionalFormatting>
  <conditionalFormatting sqref="C18">
    <cfRule type="cellIs" dxfId="5267" priority="5266" stopIfTrue="1" operator="equal">
      <formula>0</formula>
    </cfRule>
    <cfRule type="cellIs" dxfId="5266" priority="5267" operator="lessThanOrEqual">
      <formula>90</formula>
    </cfRule>
    <cfRule type="cellIs" dxfId="5265" priority="5268" operator="greaterThanOrEqual">
      <formula>110</formula>
    </cfRule>
  </conditionalFormatting>
  <conditionalFormatting sqref="C19">
    <cfRule type="cellIs" dxfId="5264" priority="5263" stopIfTrue="1" operator="equal">
      <formula>0</formula>
    </cfRule>
    <cfRule type="cellIs" dxfId="5263" priority="5264" operator="lessThanOrEqual">
      <formula>90</formula>
    </cfRule>
    <cfRule type="cellIs" dxfId="5262" priority="5265" operator="greaterThanOrEqual">
      <formula>110</formula>
    </cfRule>
  </conditionalFormatting>
  <conditionalFormatting sqref="C20">
    <cfRule type="cellIs" dxfId="5261" priority="5260" stopIfTrue="1" operator="equal">
      <formula>0</formula>
    </cfRule>
    <cfRule type="cellIs" dxfId="5260" priority="5261" operator="lessThanOrEqual">
      <formula>90</formula>
    </cfRule>
    <cfRule type="cellIs" dxfId="5259" priority="5262" operator="greaterThanOrEqual">
      <formula>110</formula>
    </cfRule>
  </conditionalFormatting>
  <conditionalFormatting sqref="C21">
    <cfRule type="cellIs" dxfId="5258" priority="5257" stopIfTrue="1" operator="equal">
      <formula>0</formula>
    </cfRule>
    <cfRule type="cellIs" dxfId="5257" priority="5258" operator="lessThanOrEqual">
      <formula>90</formula>
    </cfRule>
    <cfRule type="cellIs" dxfId="5256" priority="5259" operator="greaterThanOrEqual">
      <formula>110</formula>
    </cfRule>
  </conditionalFormatting>
  <conditionalFormatting sqref="C22">
    <cfRule type="cellIs" dxfId="5255" priority="5254" stopIfTrue="1" operator="equal">
      <formula>0</formula>
    </cfRule>
    <cfRule type="cellIs" dxfId="5254" priority="5255" operator="lessThanOrEqual">
      <formula>90</formula>
    </cfRule>
    <cfRule type="cellIs" dxfId="5253" priority="5256" operator="greaterThanOrEqual">
      <formula>110</formula>
    </cfRule>
  </conditionalFormatting>
  <conditionalFormatting sqref="C23">
    <cfRule type="cellIs" dxfId="5252" priority="5251" stopIfTrue="1" operator="equal">
      <formula>0</formula>
    </cfRule>
    <cfRule type="cellIs" dxfId="5251" priority="5252" operator="lessThanOrEqual">
      <formula>90</formula>
    </cfRule>
    <cfRule type="cellIs" dxfId="5250" priority="5253" operator="greaterThanOrEqual">
      <formula>110</formula>
    </cfRule>
  </conditionalFormatting>
  <conditionalFormatting sqref="C24">
    <cfRule type="cellIs" dxfId="5249" priority="5248" stopIfTrue="1" operator="equal">
      <formula>0</formula>
    </cfRule>
    <cfRule type="cellIs" dxfId="5248" priority="5249" operator="lessThanOrEqual">
      <formula>90</formula>
    </cfRule>
    <cfRule type="cellIs" dxfId="5247" priority="5250" operator="greaterThanOrEqual">
      <formula>110</formula>
    </cfRule>
  </conditionalFormatting>
  <conditionalFormatting sqref="C25">
    <cfRule type="cellIs" dxfId="5246" priority="5245" stopIfTrue="1" operator="equal">
      <formula>0</formula>
    </cfRule>
    <cfRule type="cellIs" dxfId="5245" priority="5246" operator="lessThanOrEqual">
      <formula>90</formula>
    </cfRule>
    <cfRule type="cellIs" dxfId="5244" priority="5247" operator="greaterThanOrEqual">
      <formula>110</formula>
    </cfRule>
  </conditionalFormatting>
  <conditionalFormatting sqref="C26">
    <cfRule type="cellIs" dxfId="5243" priority="5242" stopIfTrue="1" operator="equal">
      <formula>0</formula>
    </cfRule>
    <cfRule type="cellIs" dxfId="5242" priority="5243" operator="lessThanOrEqual">
      <formula>90</formula>
    </cfRule>
    <cfRule type="cellIs" dxfId="5241" priority="5244" operator="greaterThanOrEqual">
      <formula>110</formula>
    </cfRule>
  </conditionalFormatting>
  <conditionalFormatting sqref="C27">
    <cfRule type="cellIs" dxfId="5240" priority="5239" stopIfTrue="1" operator="equal">
      <formula>0</formula>
    </cfRule>
    <cfRule type="cellIs" dxfId="5239" priority="5240" operator="lessThanOrEqual">
      <formula>90</formula>
    </cfRule>
    <cfRule type="cellIs" dxfId="5238" priority="5241" operator="greaterThanOrEqual">
      <formula>110</formula>
    </cfRule>
  </conditionalFormatting>
  <conditionalFormatting sqref="C28">
    <cfRule type="cellIs" dxfId="5237" priority="5236" stopIfTrue="1" operator="equal">
      <formula>0</formula>
    </cfRule>
    <cfRule type="cellIs" dxfId="5236" priority="5237" operator="lessThanOrEqual">
      <formula>90</formula>
    </cfRule>
    <cfRule type="cellIs" dxfId="5235" priority="5238" operator="greaterThanOrEqual">
      <formula>110</formula>
    </cfRule>
  </conditionalFormatting>
  <conditionalFormatting sqref="C29">
    <cfRule type="cellIs" dxfId="5234" priority="5233" stopIfTrue="1" operator="equal">
      <formula>0</formula>
    </cfRule>
    <cfRule type="cellIs" dxfId="5233" priority="5234" operator="lessThanOrEqual">
      <formula>90</formula>
    </cfRule>
    <cfRule type="cellIs" dxfId="5232" priority="5235" operator="greaterThanOrEqual">
      <formula>110</formula>
    </cfRule>
  </conditionalFormatting>
  <conditionalFormatting sqref="C30">
    <cfRule type="cellIs" dxfId="5231" priority="5230" stopIfTrue="1" operator="equal">
      <formula>0</formula>
    </cfRule>
    <cfRule type="cellIs" dxfId="5230" priority="5231" operator="lessThanOrEqual">
      <formula>90</formula>
    </cfRule>
    <cfRule type="cellIs" dxfId="5229" priority="5232" operator="greaterThanOrEqual">
      <formula>110</formula>
    </cfRule>
  </conditionalFormatting>
  <conditionalFormatting sqref="C31">
    <cfRule type="cellIs" dxfId="5228" priority="5227" stopIfTrue="1" operator="equal">
      <formula>0</formula>
    </cfRule>
    <cfRule type="cellIs" dxfId="5227" priority="5228" operator="lessThanOrEqual">
      <formula>90</formula>
    </cfRule>
    <cfRule type="cellIs" dxfId="5226" priority="5229" operator="greaterThanOrEqual">
      <formula>110</formula>
    </cfRule>
  </conditionalFormatting>
  <conditionalFormatting sqref="C32">
    <cfRule type="cellIs" dxfId="5225" priority="5224" stopIfTrue="1" operator="equal">
      <formula>0</formula>
    </cfRule>
    <cfRule type="cellIs" dxfId="5224" priority="5225" operator="lessThanOrEqual">
      <formula>90</formula>
    </cfRule>
    <cfRule type="cellIs" dxfId="5223" priority="5226" operator="greaterThanOrEqual">
      <formula>110</formula>
    </cfRule>
  </conditionalFormatting>
  <conditionalFormatting sqref="C33">
    <cfRule type="cellIs" dxfId="5222" priority="5221" stopIfTrue="1" operator="equal">
      <formula>0</formula>
    </cfRule>
    <cfRule type="cellIs" dxfId="5221" priority="5222" operator="lessThanOrEqual">
      <formula>90</formula>
    </cfRule>
    <cfRule type="cellIs" dxfId="5220" priority="5223" operator="greaterThanOrEqual">
      <formula>110</formula>
    </cfRule>
  </conditionalFormatting>
  <conditionalFormatting sqref="C34">
    <cfRule type="cellIs" dxfId="5219" priority="5218" stopIfTrue="1" operator="equal">
      <formula>0</formula>
    </cfRule>
    <cfRule type="cellIs" dxfId="5218" priority="5219" operator="lessThanOrEqual">
      <formula>90</formula>
    </cfRule>
    <cfRule type="cellIs" dxfId="5217" priority="5220" operator="greaterThanOrEqual">
      <formula>110</formula>
    </cfRule>
  </conditionalFormatting>
  <conditionalFormatting sqref="C35">
    <cfRule type="cellIs" dxfId="5216" priority="5215" stopIfTrue="1" operator="equal">
      <formula>0</formula>
    </cfRule>
    <cfRule type="cellIs" dxfId="5215" priority="5216" operator="lessThanOrEqual">
      <formula>90</formula>
    </cfRule>
    <cfRule type="cellIs" dxfId="5214" priority="5217" operator="greaterThanOrEqual">
      <formula>110</formula>
    </cfRule>
  </conditionalFormatting>
  <conditionalFormatting sqref="C36">
    <cfRule type="cellIs" dxfId="5213" priority="5212" stopIfTrue="1" operator="equal">
      <formula>0</formula>
    </cfRule>
    <cfRule type="cellIs" dxfId="5212" priority="5213" operator="lessThanOrEqual">
      <formula>90</formula>
    </cfRule>
    <cfRule type="cellIs" dxfId="5211" priority="5214" operator="greaterThanOrEqual">
      <formula>110</formula>
    </cfRule>
  </conditionalFormatting>
  <conditionalFormatting sqref="C37">
    <cfRule type="cellIs" dxfId="5210" priority="5209" stopIfTrue="1" operator="equal">
      <formula>0</formula>
    </cfRule>
    <cfRule type="cellIs" dxfId="5209" priority="5210" operator="lessThanOrEqual">
      <formula>90</formula>
    </cfRule>
    <cfRule type="cellIs" dxfId="5208" priority="5211" operator="greaterThanOrEqual">
      <formula>110</formula>
    </cfRule>
  </conditionalFormatting>
  <conditionalFormatting sqref="C38">
    <cfRule type="cellIs" dxfId="5207" priority="5206" stopIfTrue="1" operator="equal">
      <formula>0</formula>
    </cfRule>
    <cfRule type="cellIs" dxfId="5206" priority="5207" operator="lessThanOrEqual">
      <formula>90</formula>
    </cfRule>
    <cfRule type="cellIs" dxfId="5205" priority="5208" operator="greaterThanOrEqual">
      <formula>110</formula>
    </cfRule>
  </conditionalFormatting>
  <conditionalFormatting sqref="C39">
    <cfRule type="cellIs" dxfId="5204" priority="5203" stopIfTrue="1" operator="equal">
      <formula>0</formula>
    </cfRule>
    <cfRule type="cellIs" dxfId="5203" priority="5204" operator="lessThanOrEqual">
      <formula>90</formula>
    </cfRule>
    <cfRule type="cellIs" dxfId="5202" priority="5205" operator="greaterThanOrEqual">
      <formula>110</formula>
    </cfRule>
  </conditionalFormatting>
  <conditionalFormatting sqref="C40">
    <cfRule type="cellIs" dxfId="5201" priority="5200" stopIfTrue="1" operator="equal">
      <formula>0</formula>
    </cfRule>
    <cfRule type="cellIs" dxfId="5200" priority="5201" operator="lessThanOrEqual">
      <formula>90</formula>
    </cfRule>
    <cfRule type="cellIs" dxfId="5199" priority="5202" operator="greaterThanOrEqual">
      <formula>110</formula>
    </cfRule>
  </conditionalFormatting>
  <conditionalFormatting sqref="C41">
    <cfRule type="cellIs" dxfId="5198" priority="5197" stopIfTrue="1" operator="equal">
      <formula>0</formula>
    </cfRule>
    <cfRule type="cellIs" dxfId="5197" priority="5198" operator="lessThanOrEqual">
      <formula>90</formula>
    </cfRule>
    <cfRule type="cellIs" dxfId="5196" priority="5199" operator="greaterThanOrEqual">
      <formula>110</formula>
    </cfRule>
  </conditionalFormatting>
  <conditionalFormatting sqref="C42">
    <cfRule type="cellIs" dxfId="5195" priority="5194" stopIfTrue="1" operator="equal">
      <formula>0</formula>
    </cfRule>
    <cfRule type="cellIs" dxfId="5194" priority="5195" operator="lessThanOrEqual">
      <formula>90</formula>
    </cfRule>
    <cfRule type="cellIs" dxfId="5193" priority="5196" operator="greaterThanOrEqual">
      <formula>110</formula>
    </cfRule>
  </conditionalFormatting>
  <conditionalFormatting sqref="C43">
    <cfRule type="cellIs" dxfId="5192" priority="5191" stopIfTrue="1" operator="equal">
      <formula>0</formula>
    </cfRule>
    <cfRule type="cellIs" dxfId="5191" priority="5192" operator="lessThanOrEqual">
      <formula>90</formula>
    </cfRule>
    <cfRule type="cellIs" dxfId="5190" priority="5193" operator="greaterThanOrEqual">
      <formula>110</formula>
    </cfRule>
  </conditionalFormatting>
  <conditionalFormatting sqref="C44">
    <cfRule type="cellIs" dxfId="5189" priority="5188" stopIfTrue="1" operator="equal">
      <formula>0</formula>
    </cfRule>
    <cfRule type="cellIs" dxfId="5188" priority="5189" operator="lessThanOrEqual">
      <formula>90</formula>
    </cfRule>
    <cfRule type="cellIs" dxfId="5187" priority="5190" operator="greaterThanOrEqual">
      <formula>110</formula>
    </cfRule>
  </conditionalFormatting>
  <conditionalFormatting sqref="C45">
    <cfRule type="cellIs" dxfId="5186" priority="5185" stopIfTrue="1" operator="equal">
      <formula>0</formula>
    </cfRule>
    <cfRule type="cellIs" dxfId="5185" priority="5186" operator="lessThanOrEqual">
      <formula>90</formula>
    </cfRule>
    <cfRule type="cellIs" dxfId="5184" priority="5187" operator="greaterThanOrEqual">
      <formula>110</formula>
    </cfRule>
  </conditionalFormatting>
  <conditionalFormatting sqref="C46">
    <cfRule type="cellIs" dxfId="5183" priority="5182" stopIfTrue="1" operator="equal">
      <formula>0</formula>
    </cfRule>
    <cfRule type="cellIs" dxfId="5182" priority="5183" operator="lessThanOrEqual">
      <formula>90</formula>
    </cfRule>
    <cfRule type="cellIs" dxfId="5181" priority="5184" operator="greaterThanOrEqual">
      <formula>110</formula>
    </cfRule>
  </conditionalFormatting>
  <conditionalFormatting sqref="C47">
    <cfRule type="cellIs" dxfId="5180" priority="5179" stopIfTrue="1" operator="equal">
      <formula>0</formula>
    </cfRule>
    <cfRule type="cellIs" dxfId="5179" priority="5180" operator="lessThanOrEqual">
      <formula>90</formula>
    </cfRule>
    <cfRule type="cellIs" dxfId="5178" priority="5181" operator="greaterThanOrEqual">
      <formula>110</formula>
    </cfRule>
  </conditionalFormatting>
  <conditionalFormatting sqref="C48">
    <cfRule type="cellIs" dxfId="5177" priority="5176" stopIfTrue="1" operator="equal">
      <formula>0</formula>
    </cfRule>
    <cfRule type="cellIs" dxfId="5176" priority="5177" operator="lessThanOrEqual">
      <formula>90</formula>
    </cfRule>
    <cfRule type="cellIs" dxfId="5175" priority="5178" operator="greaterThanOrEqual">
      <formula>110</formula>
    </cfRule>
  </conditionalFormatting>
  <conditionalFormatting sqref="C49">
    <cfRule type="cellIs" dxfId="5174" priority="5173" stopIfTrue="1" operator="equal">
      <formula>0</formula>
    </cfRule>
    <cfRule type="cellIs" dxfId="5173" priority="5174" operator="lessThanOrEqual">
      <formula>90</formula>
    </cfRule>
    <cfRule type="cellIs" dxfId="5172" priority="5175" operator="greaterThanOrEqual">
      <formula>110</formula>
    </cfRule>
  </conditionalFormatting>
  <conditionalFormatting sqref="C50">
    <cfRule type="cellIs" dxfId="5171" priority="5170" stopIfTrue="1" operator="equal">
      <formula>0</formula>
    </cfRule>
    <cfRule type="cellIs" dxfId="5170" priority="5171" operator="lessThanOrEqual">
      <formula>90</formula>
    </cfRule>
    <cfRule type="cellIs" dxfId="5169" priority="5172" operator="greaterThanOrEqual">
      <formula>110</formula>
    </cfRule>
  </conditionalFormatting>
  <conditionalFormatting sqref="C51">
    <cfRule type="cellIs" dxfId="5168" priority="5167" stopIfTrue="1" operator="equal">
      <formula>0</formula>
    </cfRule>
    <cfRule type="cellIs" dxfId="5167" priority="5168" operator="lessThanOrEqual">
      <formula>90</formula>
    </cfRule>
    <cfRule type="cellIs" dxfId="5166" priority="5169" operator="greaterThanOrEqual">
      <formula>110</formula>
    </cfRule>
  </conditionalFormatting>
  <conditionalFormatting sqref="C52">
    <cfRule type="cellIs" dxfId="5165" priority="5164" stopIfTrue="1" operator="equal">
      <formula>0</formula>
    </cfRule>
    <cfRule type="cellIs" dxfId="5164" priority="5165" operator="lessThanOrEqual">
      <formula>90</formula>
    </cfRule>
    <cfRule type="cellIs" dxfId="5163" priority="5166" operator="greaterThanOrEqual">
      <formula>110</formula>
    </cfRule>
  </conditionalFormatting>
  <conditionalFormatting sqref="C53">
    <cfRule type="cellIs" dxfId="5162" priority="5161" stopIfTrue="1" operator="equal">
      <formula>0</formula>
    </cfRule>
    <cfRule type="cellIs" dxfId="5161" priority="5162" operator="lessThanOrEqual">
      <formula>90</formula>
    </cfRule>
    <cfRule type="cellIs" dxfId="5160" priority="5163" operator="greaterThanOrEqual">
      <formula>110</formula>
    </cfRule>
  </conditionalFormatting>
  <conditionalFormatting sqref="C54">
    <cfRule type="cellIs" dxfId="5159" priority="5158" stopIfTrue="1" operator="equal">
      <formula>0</formula>
    </cfRule>
    <cfRule type="cellIs" dxfId="5158" priority="5159" operator="lessThanOrEqual">
      <formula>90</formula>
    </cfRule>
    <cfRule type="cellIs" dxfId="5157" priority="5160" operator="greaterThanOrEqual">
      <formula>110</formula>
    </cfRule>
  </conditionalFormatting>
  <conditionalFormatting sqref="C55">
    <cfRule type="cellIs" dxfId="5156" priority="5155" stopIfTrue="1" operator="equal">
      <formula>0</formula>
    </cfRule>
    <cfRule type="cellIs" dxfId="5155" priority="5156" operator="lessThanOrEqual">
      <formula>90</formula>
    </cfRule>
    <cfRule type="cellIs" dxfId="5154" priority="5157" operator="greaterThanOrEqual">
      <formula>110</formula>
    </cfRule>
  </conditionalFormatting>
  <conditionalFormatting sqref="C56">
    <cfRule type="cellIs" dxfId="5153" priority="5152" stopIfTrue="1" operator="equal">
      <formula>0</formula>
    </cfRule>
    <cfRule type="cellIs" dxfId="5152" priority="5153" operator="lessThanOrEqual">
      <formula>90</formula>
    </cfRule>
    <cfRule type="cellIs" dxfId="5151" priority="5154" operator="greaterThanOrEqual">
      <formula>110</formula>
    </cfRule>
  </conditionalFormatting>
  <conditionalFormatting sqref="C57">
    <cfRule type="cellIs" dxfId="5150" priority="5149" stopIfTrue="1" operator="equal">
      <formula>0</formula>
    </cfRule>
    <cfRule type="cellIs" dxfId="5149" priority="5150" operator="lessThanOrEqual">
      <formula>90</formula>
    </cfRule>
    <cfRule type="cellIs" dxfId="5148" priority="5151" operator="greaterThanOrEqual">
      <formula>110</formula>
    </cfRule>
  </conditionalFormatting>
  <conditionalFormatting sqref="C58">
    <cfRule type="cellIs" dxfId="5147" priority="5146" stopIfTrue="1" operator="equal">
      <formula>0</formula>
    </cfRule>
    <cfRule type="cellIs" dxfId="5146" priority="5147" operator="lessThanOrEqual">
      <formula>90</formula>
    </cfRule>
    <cfRule type="cellIs" dxfId="5145" priority="5148" operator="greaterThanOrEqual">
      <formula>110</formula>
    </cfRule>
  </conditionalFormatting>
  <conditionalFormatting sqref="C59">
    <cfRule type="cellIs" dxfId="5144" priority="5143" stopIfTrue="1" operator="equal">
      <formula>0</formula>
    </cfRule>
    <cfRule type="cellIs" dxfId="5143" priority="5144" operator="lessThanOrEqual">
      <formula>90</formula>
    </cfRule>
    <cfRule type="cellIs" dxfId="5142" priority="5145" operator="greaterThanOrEqual">
      <formula>110</formula>
    </cfRule>
  </conditionalFormatting>
  <conditionalFormatting sqref="C60">
    <cfRule type="cellIs" dxfId="5141" priority="5140" stopIfTrue="1" operator="equal">
      <formula>0</formula>
    </cfRule>
    <cfRule type="cellIs" dxfId="5140" priority="5141" operator="lessThanOrEqual">
      <formula>90</formula>
    </cfRule>
    <cfRule type="cellIs" dxfId="5139" priority="5142" operator="greaterThanOrEqual">
      <formula>110</formula>
    </cfRule>
  </conditionalFormatting>
  <conditionalFormatting sqref="C61">
    <cfRule type="cellIs" dxfId="5138" priority="5137" stopIfTrue="1" operator="equal">
      <formula>0</formula>
    </cfRule>
    <cfRule type="cellIs" dxfId="5137" priority="5138" operator="lessThanOrEqual">
      <formula>90</formula>
    </cfRule>
    <cfRule type="cellIs" dxfId="5136" priority="5139" operator="greaterThanOrEqual">
      <formula>110</formula>
    </cfRule>
  </conditionalFormatting>
  <conditionalFormatting sqref="C62">
    <cfRule type="cellIs" dxfId="5135" priority="5134" stopIfTrue="1" operator="equal">
      <formula>0</formula>
    </cfRule>
    <cfRule type="cellIs" dxfId="5134" priority="5135" operator="lessThanOrEqual">
      <formula>90</formula>
    </cfRule>
    <cfRule type="cellIs" dxfId="5133" priority="5136" operator="greaterThanOrEqual">
      <formula>110</formula>
    </cfRule>
  </conditionalFormatting>
  <conditionalFormatting sqref="C63">
    <cfRule type="cellIs" dxfId="5132" priority="5131" stopIfTrue="1" operator="equal">
      <formula>0</formula>
    </cfRule>
    <cfRule type="cellIs" dxfId="5131" priority="5132" operator="lessThanOrEqual">
      <formula>90</formula>
    </cfRule>
    <cfRule type="cellIs" dxfId="5130" priority="5133" operator="greaterThanOrEqual">
      <formula>110</formula>
    </cfRule>
  </conditionalFormatting>
  <conditionalFormatting sqref="C64">
    <cfRule type="cellIs" dxfId="5129" priority="5128" stopIfTrue="1" operator="equal">
      <formula>0</formula>
    </cfRule>
    <cfRule type="cellIs" dxfId="5128" priority="5129" operator="lessThanOrEqual">
      <formula>90</formula>
    </cfRule>
    <cfRule type="cellIs" dxfId="5127" priority="5130" operator="greaterThanOrEqual">
      <formula>110</formula>
    </cfRule>
  </conditionalFormatting>
  <conditionalFormatting sqref="C65">
    <cfRule type="cellIs" dxfId="5126" priority="5125" stopIfTrue="1" operator="equal">
      <formula>0</formula>
    </cfRule>
    <cfRule type="cellIs" dxfId="5125" priority="5126" operator="lessThanOrEqual">
      <formula>90</formula>
    </cfRule>
    <cfRule type="cellIs" dxfId="5124" priority="5127" operator="greaterThanOrEqual">
      <formula>110</formula>
    </cfRule>
  </conditionalFormatting>
  <conditionalFormatting sqref="D5">
    <cfRule type="cellIs" dxfId="5123" priority="5122" stopIfTrue="1" operator="equal">
      <formula>0</formula>
    </cfRule>
    <cfRule type="cellIs" dxfId="5122" priority="5123" operator="lessThanOrEqual">
      <formula>90</formula>
    </cfRule>
    <cfRule type="cellIs" dxfId="5121" priority="5124" operator="greaterThanOrEqual">
      <formula>110</formula>
    </cfRule>
  </conditionalFormatting>
  <conditionalFormatting sqref="D6">
    <cfRule type="cellIs" dxfId="5120" priority="5119" stopIfTrue="1" operator="equal">
      <formula>0</formula>
    </cfRule>
    <cfRule type="cellIs" dxfId="5119" priority="5120" operator="lessThanOrEqual">
      <formula>90</formula>
    </cfRule>
    <cfRule type="cellIs" dxfId="5118" priority="5121" operator="greaterThanOrEqual">
      <formula>110</formula>
    </cfRule>
  </conditionalFormatting>
  <conditionalFormatting sqref="D7">
    <cfRule type="cellIs" dxfId="5117" priority="5116" stopIfTrue="1" operator="equal">
      <formula>0</formula>
    </cfRule>
    <cfRule type="cellIs" dxfId="5116" priority="5117" operator="lessThanOrEqual">
      <formula>90</formula>
    </cfRule>
    <cfRule type="cellIs" dxfId="5115" priority="5118" operator="greaterThanOrEqual">
      <formula>110</formula>
    </cfRule>
  </conditionalFormatting>
  <conditionalFormatting sqref="D8">
    <cfRule type="cellIs" dxfId="5114" priority="5113" stopIfTrue="1" operator="equal">
      <formula>0</formula>
    </cfRule>
    <cfRule type="cellIs" dxfId="5113" priority="5114" operator="lessThanOrEqual">
      <formula>90</formula>
    </cfRule>
    <cfRule type="cellIs" dxfId="5112" priority="5115" operator="greaterThanOrEqual">
      <formula>110</formula>
    </cfRule>
  </conditionalFormatting>
  <conditionalFormatting sqref="D9">
    <cfRule type="cellIs" dxfId="5111" priority="5110" stopIfTrue="1" operator="equal">
      <formula>0</formula>
    </cfRule>
    <cfRule type="cellIs" dxfId="5110" priority="5111" operator="lessThanOrEqual">
      <formula>90</formula>
    </cfRule>
    <cfRule type="cellIs" dxfId="5109" priority="5112" operator="greaterThanOrEqual">
      <formula>110</formula>
    </cfRule>
  </conditionalFormatting>
  <conditionalFormatting sqref="D10">
    <cfRule type="cellIs" dxfId="5108" priority="5107" stopIfTrue="1" operator="equal">
      <formula>0</formula>
    </cfRule>
    <cfRule type="cellIs" dxfId="5107" priority="5108" operator="lessThanOrEqual">
      <formula>90</formula>
    </cfRule>
    <cfRule type="cellIs" dxfId="5106" priority="5109" operator="greaterThanOrEqual">
      <formula>110</formula>
    </cfRule>
  </conditionalFormatting>
  <conditionalFormatting sqref="D11">
    <cfRule type="cellIs" dxfId="5105" priority="5104" stopIfTrue="1" operator="equal">
      <formula>0</formula>
    </cfRule>
    <cfRule type="cellIs" dxfId="5104" priority="5105" operator="lessThanOrEqual">
      <formula>90</formula>
    </cfRule>
    <cfRule type="cellIs" dxfId="5103" priority="5106" operator="greaterThanOrEqual">
      <formula>110</formula>
    </cfRule>
  </conditionalFormatting>
  <conditionalFormatting sqref="D12">
    <cfRule type="cellIs" dxfId="5102" priority="5101" stopIfTrue="1" operator="equal">
      <formula>0</formula>
    </cfRule>
    <cfRule type="cellIs" dxfId="5101" priority="5102" operator="lessThanOrEqual">
      <formula>90</formula>
    </cfRule>
    <cfRule type="cellIs" dxfId="5100" priority="5103" operator="greaterThanOrEqual">
      <formula>110</formula>
    </cfRule>
  </conditionalFormatting>
  <conditionalFormatting sqref="D13">
    <cfRule type="cellIs" dxfId="5099" priority="5098" stopIfTrue="1" operator="equal">
      <formula>0</formula>
    </cfRule>
    <cfRule type="cellIs" dxfId="5098" priority="5099" operator="lessThanOrEqual">
      <formula>90</formula>
    </cfRule>
    <cfRule type="cellIs" dxfId="5097" priority="5100" operator="greaterThanOrEqual">
      <formula>110</formula>
    </cfRule>
  </conditionalFormatting>
  <conditionalFormatting sqref="D14">
    <cfRule type="cellIs" dxfId="5096" priority="5095" stopIfTrue="1" operator="equal">
      <formula>0</formula>
    </cfRule>
    <cfRule type="cellIs" dxfId="5095" priority="5096" operator="lessThanOrEqual">
      <formula>90</formula>
    </cfRule>
    <cfRule type="cellIs" dxfId="5094" priority="5097" operator="greaterThanOrEqual">
      <formula>110</formula>
    </cfRule>
  </conditionalFormatting>
  <conditionalFormatting sqref="D15">
    <cfRule type="cellIs" dxfId="5093" priority="5092" stopIfTrue="1" operator="equal">
      <formula>0</formula>
    </cfRule>
    <cfRule type="cellIs" dxfId="5092" priority="5093" operator="lessThanOrEqual">
      <formula>90</formula>
    </cfRule>
    <cfRule type="cellIs" dxfId="5091" priority="5094" operator="greaterThanOrEqual">
      <formula>110</formula>
    </cfRule>
  </conditionalFormatting>
  <conditionalFormatting sqref="D16">
    <cfRule type="cellIs" dxfId="5090" priority="5089" stopIfTrue="1" operator="equal">
      <formula>0</formula>
    </cfRule>
    <cfRule type="cellIs" dxfId="5089" priority="5090" operator="lessThanOrEqual">
      <formula>90</formula>
    </cfRule>
    <cfRule type="cellIs" dxfId="5088" priority="5091" operator="greaterThanOrEqual">
      <formula>110</formula>
    </cfRule>
  </conditionalFormatting>
  <conditionalFormatting sqref="D17">
    <cfRule type="cellIs" dxfId="5087" priority="5086" stopIfTrue="1" operator="equal">
      <formula>0</formula>
    </cfRule>
    <cfRule type="cellIs" dxfId="5086" priority="5087" operator="lessThanOrEqual">
      <formula>90</formula>
    </cfRule>
    <cfRule type="cellIs" dxfId="5085" priority="5088" operator="greaterThanOrEqual">
      <formula>110</formula>
    </cfRule>
  </conditionalFormatting>
  <conditionalFormatting sqref="D18">
    <cfRule type="cellIs" dxfId="5084" priority="5083" stopIfTrue="1" operator="equal">
      <formula>0</formula>
    </cfRule>
    <cfRule type="cellIs" dxfId="5083" priority="5084" operator="lessThanOrEqual">
      <formula>90</formula>
    </cfRule>
    <cfRule type="cellIs" dxfId="5082" priority="5085" operator="greaterThanOrEqual">
      <formula>110</formula>
    </cfRule>
  </conditionalFormatting>
  <conditionalFormatting sqref="D19">
    <cfRule type="cellIs" dxfId="5081" priority="5080" stopIfTrue="1" operator="equal">
      <formula>0</formula>
    </cfRule>
    <cfRule type="cellIs" dxfId="5080" priority="5081" operator="lessThanOrEqual">
      <formula>90</formula>
    </cfRule>
    <cfRule type="cellIs" dxfId="5079" priority="5082" operator="greaterThanOrEqual">
      <formula>110</formula>
    </cfRule>
  </conditionalFormatting>
  <conditionalFormatting sqref="D20">
    <cfRule type="cellIs" dxfId="5078" priority="5077" stopIfTrue="1" operator="equal">
      <formula>0</formula>
    </cfRule>
    <cfRule type="cellIs" dxfId="5077" priority="5078" operator="lessThanOrEqual">
      <formula>90</formula>
    </cfRule>
    <cfRule type="cellIs" dxfId="5076" priority="5079" operator="greaterThanOrEqual">
      <formula>110</formula>
    </cfRule>
  </conditionalFormatting>
  <conditionalFormatting sqref="D21">
    <cfRule type="cellIs" dxfId="5075" priority="5074" stopIfTrue="1" operator="equal">
      <formula>0</formula>
    </cfRule>
    <cfRule type="cellIs" dxfId="5074" priority="5075" operator="lessThanOrEqual">
      <formula>90</formula>
    </cfRule>
    <cfRule type="cellIs" dxfId="5073" priority="5076" operator="greaterThanOrEqual">
      <formula>110</formula>
    </cfRule>
  </conditionalFormatting>
  <conditionalFormatting sqref="D22">
    <cfRule type="cellIs" dxfId="5072" priority="5071" stopIfTrue="1" operator="equal">
      <formula>0</formula>
    </cfRule>
    <cfRule type="cellIs" dxfId="5071" priority="5072" operator="lessThanOrEqual">
      <formula>90</formula>
    </cfRule>
    <cfRule type="cellIs" dxfId="5070" priority="5073" operator="greaterThanOrEqual">
      <formula>110</formula>
    </cfRule>
  </conditionalFormatting>
  <conditionalFormatting sqref="D23">
    <cfRule type="cellIs" dxfId="5069" priority="5068" stopIfTrue="1" operator="equal">
      <formula>0</formula>
    </cfRule>
    <cfRule type="cellIs" dxfId="5068" priority="5069" operator="lessThanOrEqual">
      <formula>90</formula>
    </cfRule>
    <cfRule type="cellIs" dxfId="5067" priority="5070" operator="greaterThanOrEqual">
      <formula>110</formula>
    </cfRule>
  </conditionalFormatting>
  <conditionalFormatting sqref="D24">
    <cfRule type="cellIs" dxfId="5066" priority="5065" stopIfTrue="1" operator="equal">
      <formula>0</formula>
    </cfRule>
    <cfRule type="cellIs" dxfId="5065" priority="5066" operator="lessThanOrEqual">
      <formula>90</formula>
    </cfRule>
    <cfRule type="cellIs" dxfId="5064" priority="5067" operator="greaterThanOrEqual">
      <formula>110</formula>
    </cfRule>
  </conditionalFormatting>
  <conditionalFormatting sqref="D25">
    <cfRule type="cellIs" dxfId="5063" priority="5062" stopIfTrue="1" operator="equal">
      <formula>0</formula>
    </cfRule>
    <cfRule type="cellIs" dxfId="5062" priority="5063" operator="lessThanOrEqual">
      <formula>90</formula>
    </cfRule>
    <cfRule type="cellIs" dxfId="5061" priority="5064" operator="greaterThanOrEqual">
      <formula>110</formula>
    </cfRule>
  </conditionalFormatting>
  <conditionalFormatting sqref="D26">
    <cfRule type="cellIs" dxfId="5060" priority="5059" stopIfTrue="1" operator="equal">
      <formula>0</formula>
    </cfRule>
    <cfRule type="cellIs" dxfId="5059" priority="5060" operator="lessThanOrEqual">
      <formula>90</formula>
    </cfRule>
    <cfRule type="cellIs" dxfId="5058" priority="5061" operator="greaterThanOrEqual">
      <formula>110</formula>
    </cfRule>
  </conditionalFormatting>
  <conditionalFormatting sqref="D27">
    <cfRule type="cellIs" dxfId="5057" priority="5056" stopIfTrue="1" operator="equal">
      <formula>0</formula>
    </cfRule>
    <cfRule type="cellIs" dxfId="5056" priority="5057" operator="lessThanOrEqual">
      <formula>90</formula>
    </cfRule>
    <cfRule type="cellIs" dxfId="5055" priority="5058" operator="greaterThanOrEqual">
      <formula>110</formula>
    </cfRule>
  </conditionalFormatting>
  <conditionalFormatting sqref="D28">
    <cfRule type="cellIs" dxfId="5054" priority="5053" stopIfTrue="1" operator="equal">
      <formula>0</formula>
    </cfRule>
    <cfRule type="cellIs" dxfId="5053" priority="5054" operator="lessThanOrEqual">
      <formula>90</formula>
    </cfRule>
    <cfRule type="cellIs" dxfId="5052" priority="5055" operator="greaterThanOrEqual">
      <formula>110</formula>
    </cfRule>
  </conditionalFormatting>
  <conditionalFormatting sqref="D29">
    <cfRule type="cellIs" dxfId="5051" priority="5050" stopIfTrue="1" operator="equal">
      <formula>0</formula>
    </cfRule>
    <cfRule type="cellIs" dxfId="5050" priority="5051" operator="lessThanOrEqual">
      <formula>90</formula>
    </cfRule>
    <cfRule type="cellIs" dxfId="5049" priority="5052" operator="greaterThanOrEqual">
      <formula>110</formula>
    </cfRule>
  </conditionalFormatting>
  <conditionalFormatting sqref="D30">
    <cfRule type="cellIs" dxfId="5048" priority="5047" stopIfTrue="1" operator="equal">
      <formula>0</formula>
    </cfRule>
    <cfRule type="cellIs" dxfId="5047" priority="5048" operator="lessThanOrEqual">
      <formula>90</formula>
    </cfRule>
    <cfRule type="cellIs" dxfId="5046" priority="5049" operator="greaterThanOrEqual">
      <formula>110</formula>
    </cfRule>
  </conditionalFormatting>
  <conditionalFormatting sqref="D31">
    <cfRule type="cellIs" dxfId="5045" priority="5044" stopIfTrue="1" operator="equal">
      <formula>0</formula>
    </cfRule>
    <cfRule type="cellIs" dxfId="5044" priority="5045" operator="lessThanOrEqual">
      <formula>90</formula>
    </cfRule>
    <cfRule type="cellIs" dxfId="5043" priority="5046" operator="greaterThanOrEqual">
      <formula>110</formula>
    </cfRule>
  </conditionalFormatting>
  <conditionalFormatting sqref="D32">
    <cfRule type="cellIs" dxfId="5042" priority="5041" stopIfTrue="1" operator="equal">
      <formula>0</formula>
    </cfRule>
    <cfRule type="cellIs" dxfId="5041" priority="5042" operator="lessThanOrEqual">
      <formula>90</formula>
    </cfRule>
    <cfRule type="cellIs" dxfId="5040" priority="5043" operator="greaterThanOrEqual">
      <formula>110</formula>
    </cfRule>
  </conditionalFormatting>
  <conditionalFormatting sqref="D33">
    <cfRule type="cellIs" dxfId="5039" priority="5038" stopIfTrue="1" operator="equal">
      <formula>0</formula>
    </cfRule>
    <cfRule type="cellIs" dxfId="5038" priority="5039" operator="lessThanOrEqual">
      <formula>90</formula>
    </cfRule>
    <cfRule type="cellIs" dxfId="5037" priority="5040" operator="greaterThanOrEqual">
      <formula>110</formula>
    </cfRule>
  </conditionalFormatting>
  <conditionalFormatting sqref="D34">
    <cfRule type="cellIs" dxfId="5036" priority="5035" stopIfTrue="1" operator="equal">
      <formula>0</formula>
    </cfRule>
    <cfRule type="cellIs" dxfId="5035" priority="5036" operator="lessThanOrEqual">
      <formula>90</formula>
    </cfRule>
    <cfRule type="cellIs" dxfId="5034" priority="5037" operator="greaterThanOrEqual">
      <formula>110</formula>
    </cfRule>
  </conditionalFormatting>
  <conditionalFormatting sqref="D35">
    <cfRule type="cellIs" dxfId="5033" priority="5032" stopIfTrue="1" operator="equal">
      <formula>0</formula>
    </cfRule>
    <cfRule type="cellIs" dxfId="5032" priority="5033" operator="lessThanOrEqual">
      <formula>90</formula>
    </cfRule>
    <cfRule type="cellIs" dxfId="5031" priority="5034" operator="greaterThanOrEqual">
      <formula>110</formula>
    </cfRule>
  </conditionalFormatting>
  <conditionalFormatting sqref="D36">
    <cfRule type="cellIs" dxfId="5030" priority="5029" stopIfTrue="1" operator="equal">
      <formula>0</formula>
    </cfRule>
    <cfRule type="cellIs" dxfId="5029" priority="5030" operator="lessThanOrEqual">
      <formula>90</formula>
    </cfRule>
    <cfRule type="cellIs" dxfId="5028" priority="5031" operator="greaterThanOrEqual">
      <formula>110</formula>
    </cfRule>
  </conditionalFormatting>
  <conditionalFormatting sqref="D37">
    <cfRule type="cellIs" dxfId="5027" priority="5026" stopIfTrue="1" operator="equal">
      <formula>0</formula>
    </cfRule>
    <cfRule type="cellIs" dxfId="5026" priority="5027" operator="lessThanOrEqual">
      <formula>90</formula>
    </cfRule>
    <cfRule type="cellIs" dxfId="5025" priority="5028" operator="greaterThanOrEqual">
      <formula>110</formula>
    </cfRule>
  </conditionalFormatting>
  <conditionalFormatting sqref="D38">
    <cfRule type="cellIs" dxfId="5024" priority="5023" stopIfTrue="1" operator="equal">
      <formula>0</formula>
    </cfRule>
    <cfRule type="cellIs" dxfId="5023" priority="5024" operator="lessThanOrEqual">
      <formula>90</formula>
    </cfRule>
    <cfRule type="cellIs" dxfId="5022" priority="5025" operator="greaterThanOrEqual">
      <formula>110</formula>
    </cfRule>
  </conditionalFormatting>
  <conditionalFormatting sqref="D39">
    <cfRule type="cellIs" dxfId="5021" priority="5020" stopIfTrue="1" operator="equal">
      <formula>0</formula>
    </cfRule>
    <cfRule type="cellIs" dxfId="5020" priority="5021" operator="lessThanOrEqual">
      <formula>90</formula>
    </cfRule>
    <cfRule type="cellIs" dxfId="5019" priority="5022" operator="greaterThanOrEqual">
      <formula>110</formula>
    </cfRule>
  </conditionalFormatting>
  <conditionalFormatting sqref="D40">
    <cfRule type="cellIs" dxfId="5018" priority="5017" stopIfTrue="1" operator="equal">
      <formula>0</formula>
    </cfRule>
    <cfRule type="cellIs" dxfId="5017" priority="5018" operator="lessThanOrEqual">
      <formula>90</formula>
    </cfRule>
    <cfRule type="cellIs" dxfId="5016" priority="5019" operator="greaterThanOrEqual">
      <formula>110</formula>
    </cfRule>
  </conditionalFormatting>
  <conditionalFormatting sqref="D41">
    <cfRule type="cellIs" dxfId="5015" priority="5014" stopIfTrue="1" operator="equal">
      <formula>0</formula>
    </cfRule>
    <cfRule type="cellIs" dxfId="5014" priority="5015" operator="lessThanOrEqual">
      <formula>90</formula>
    </cfRule>
    <cfRule type="cellIs" dxfId="5013" priority="5016" operator="greaterThanOrEqual">
      <formula>110</formula>
    </cfRule>
  </conditionalFormatting>
  <conditionalFormatting sqref="D42">
    <cfRule type="cellIs" dxfId="5012" priority="5011" stopIfTrue="1" operator="equal">
      <formula>0</formula>
    </cfRule>
    <cfRule type="cellIs" dxfId="5011" priority="5012" operator="lessThanOrEqual">
      <formula>90</formula>
    </cfRule>
    <cfRule type="cellIs" dxfId="5010" priority="5013" operator="greaterThanOrEqual">
      <formula>110</formula>
    </cfRule>
  </conditionalFormatting>
  <conditionalFormatting sqref="D43">
    <cfRule type="cellIs" dxfId="5009" priority="5008" stopIfTrue="1" operator="equal">
      <formula>0</formula>
    </cfRule>
    <cfRule type="cellIs" dxfId="5008" priority="5009" operator="lessThanOrEqual">
      <formula>90</formula>
    </cfRule>
    <cfRule type="cellIs" dxfId="5007" priority="5010" operator="greaterThanOrEqual">
      <formula>110</formula>
    </cfRule>
  </conditionalFormatting>
  <conditionalFormatting sqref="D44">
    <cfRule type="cellIs" dxfId="5006" priority="5005" stopIfTrue="1" operator="equal">
      <formula>0</formula>
    </cfRule>
    <cfRule type="cellIs" dxfId="5005" priority="5006" operator="lessThanOrEqual">
      <formula>90</formula>
    </cfRule>
    <cfRule type="cellIs" dxfId="5004" priority="5007" operator="greaterThanOrEqual">
      <formula>110</formula>
    </cfRule>
  </conditionalFormatting>
  <conditionalFormatting sqref="D45">
    <cfRule type="cellIs" dxfId="5003" priority="5002" stopIfTrue="1" operator="equal">
      <formula>0</formula>
    </cfRule>
    <cfRule type="cellIs" dxfId="5002" priority="5003" operator="lessThanOrEqual">
      <formula>90</formula>
    </cfRule>
    <cfRule type="cellIs" dxfId="5001" priority="5004" operator="greaterThanOrEqual">
      <formula>110</formula>
    </cfRule>
  </conditionalFormatting>
  <conditionalFormatting sqref="D46">
    <cfRule type="cellIs" dxfId="5000" priority="4999" stopIfTrue="1" operator="equal">
      <formula>0</formula>
    </cfRule>
    <cfRule type="cellIs" dxfId="4999" priority="5000" operator="lessThanOrEqual">
      <formula>90</formula>
    </cfRule>
    <cfRule type="cellIs" dxfId="4998" priority="5001" operator="greaterThanOrEqual">
      <formula>110</formula>
    </cfRule>
  </conditionalFormatting>
  <conditionalFormatting sqref="D47">
    <cfRule type="cellIs" dxfId="4997" priority="4996" stopIfTrue="1" operator="equal">
      <formula>0</formula>
    </cfRule>
    <cfRule type="cellIs" dxfId="4996" priority="4997" operator="lessThanOrEqual">
      <formula>90</formula>
    </cfRule>
    <cfRule type="cellIs" dxfId="4995" priority="4998" operator="greaterThanOrEqual">
      <formula>110</formula>
    </cfRule>
  </conditionalFormatting>
  <conditionalFormatting sqref="D48">
    <cfRule type="cellIs" dxfId="4994" priority="4993" stopIfTrue="1" operator="equal">
      <formula>0</formula>
    </cfRule>
    <cfRule type="cellIs" dxfId="4993" priority="4994" operator="lessThanOrEqual">
      <formula>90</formula>
    </cfRule>
    <cfRule type="cellIs" dxfId="4992" priority="4995" operator="greaterThanOrEqual">
      <formula>110</formula>
    </cfRule>
  </conditionalFormatting>
  <conditionalFormatting sqref="D49">
    <cfRule type="cellIs" dxfId="4991" priority="4990" stopIfTrue="1" operator="equal">
      <formula>0</formula>
    </cfRule>
    <cfRule type="cellIs" dxfId="4990" priority="4991" operator="lessThanOrEqual">
      <formula>90</formula>
    </cfRule>
    <cfRule type="cellIs" dxfId="4989" priority="4992" operator="greaterThanOrEqual">
      <formula>110</formula>
    </cfRule>
  </conditionalFormatting>
  <conditionalFormatting sqref="D50">
    <cfRule type="cellIs" dxfId="4988" priority="4987" stopIfTrue="1" operator="equal">
      <formula>0</formula>
    </cfRule>
    <cfRule type="cellIs" dxfId="4987" priority="4988" operator="lessThanOrEqual">
      <formula>90</formula>
    </cfRule>
    <cfRule type="cellIs" dxfId="4986" priority="4989" operator="greaterThanOrEqual">
      <formula>110</formula>
    </cfRule>
  </conditionalFormatting>
  <conditionalFormatting sqref="D51">
    <cfRule type="cellIs" dxfId="4985" priority="4984" stopIfTrue="1" operator="equal">
      <formula>0</formula>
    </cfRule>
    <cfRule type="cellIs" dxfId="4984" priority="4985" operator="lessThanOrEqual">
      <formula>90</formula>
    </cfRule>
    <cfRule type="cellIs" dxfId="4983" priority="4986" operator="greaterThanOrEqual">
      <formula>110</formula>
    </cfRule>
  </conditionalFormatting>
  <conditionalFormatting sqref="D52">
    <cfRule type="cellIs" dxfId="4982" priority="4981" stopIfTrue="1" operator="equal">
      <formula>0</formula>
    </cfRule>
    <cfRule type="cellIs" dxfId="4981" priority="4982" operator="lessThanOrEqual">
      <formula>90</formula>
    </cfRule>
    <cfRule type="cellIs" dxfId="4980" priority="4983" operator="greaterThanOrEqual">
      <formula>110</formula>
    </cfRule>
  </conditionalFormatting>
  <conditionalFormatting sqref="D53">
    <cfRule type="cellIs" dxfId="4979" priority="4978" stopIfTrue="1" operator="equal">
      <formula>0</formula>
    </cfRule>
    <cfRule type="cellIs" dxfId="4978" priority="4979" operator="lessThanOrEqual">
      <formula>90</formula>
    </cfRule>
    <cfRule type="cellIs" dxfId="4977" priority="4980" operator="greaterThanOrEqual">
      <formula>110</formula>
    </cfRule>
  </conditionalFormatting>
  <conditionalFormatting sqref="D54">
    <cfRule type="cellIs" dxfId="4976" priority="4975" stopIfTrue="1" operator="equal">
      <formula>0</formula>
    </cfRule>
    <cfRule type="cellIs" dxfId="4975" priority="4976" operator="lessThanOrEqual">
      <formula>90</formula>
    </cfRule>
    <cfRule type="cellIs" dxfId="4974" priority="4977" operator="greaterThanOrEqual">
      <formula>110</formula>
    </cfRule>
  </conditionalFormatting>
  <conditionalFormatting sqref="D55">
    <cfRule type="cellIs" dxfId="4973" priority="4972" stopIfTrue="1" operator="equal">
      <formula>0</formula>
    </cfRule>
    <cfRule type="cellIs" dxfId="4972" priority="4973" operator="lessThanOrEqual">
      <formula>90</formula>
    </cfRule>
    <cfRule type="cellIs" dxfId="4971" priority="4974" operator="greaterThanOrEqual">
      <formula>110</formula>
    </cfRule>
  </conditionalFormatting>
  <conditionalFormatting sqref="D56">
    <cfRule type="cellIs" dxfId="4970" priority="4969" stopIfTrue="1" operator="equal">
      <formula>0</formula>
    </cfRule>
    <cfRule type="cellIs" dxfId="4969" priority="4970" operator="lessThanOrEqual">
      <formula>90</formula>
    </cfRule>
    <cfRule type="cellIs" dxfId="4968" priority="4971" operator="greaterThanOrEqual">
      <formula>110</formula>
    </cfRule>
  </conditionalFormatting>
  <conditionalFormatting sqref="D57">
    <cfRule type="cellIs" dxfId="4967" priority="4966" stopIfTrue="1" operator="equal">
      <formula>0</formula>
    </cfRule>
    <cfRule type="cellIs" dxfId="4966" priority="4967" operator="lessThanOrEqual">
      <formula>90</formula>
    </cfRule>
    <cfRule type="cellIs" dxfId="4965" priority="4968" operator="greaterThanOrEqual">
      <formula>110</formula>
    </cfRule>
  </conditionalFormatting>
  <conditionalFormatting sqref="D58">
    <cfRule type="cellIs" dxfId="4964" priority="4963" stopIfTrue="1" operator="equal">
      <formula>0</formula>
    </cfRule>
    <cfRule type="cellIs" dxfId="4963" priority="4964" operator="lessThanOrEqual">
      <formula>90</formula>
    </cfRule>
    <cfRule type="cellIs" dxfId="4962" priority="4965" operator="greaterThanOrEqual">
      <formula>110</formula>
    </cfRule>
  </conditionalFormatting>
  <conditionalFormatting sqref="D59">
    <cfRule type="cellIs" dxfId="4961" priority="4960" stopIfTrue="1" operator="equal">
      <formula>0</formula>
    </cfRule>
    <cfRule type="cellIs" dxfId="4960" priority="4961" operator="lessThanOrEqual">
      <formula>90</formula>
    </cfRule>
    <cfRule type="cellIs" dxfId="4959" priority="4962" operator="greaterThanOrEqual">
      <formula>110</formula>
    </cfRule>
  </conditionalFormatting>
  <conditionalFormatting sqref="D60">
    <cfRule type="cellIs" dxfId="4958" priority="4957" stopIfTrue="1" operator="equal">
      <formula>0</formula>
    </cfRule>
    <cfRule type="cellIs" dxfId="4957" priority="4958" operator="lessThanOrEqual">
      <formula>90</formula>
    </cfRule>
    <cfRule type="cellIs" dxfId="4956" priority="4959" operator="greaterThanOrEqual">
      <formula>110</formula>
    </cfRule>
  </conditionalFormatting>
  <conditionalFormatting sqref="D61">
    <cfRule type="cellIs" dxfId="4955" priority="4954" stopIfTrue="1" operator="equal">
      <formula>0</formula>
    </cfRule>
    <cfRule type="cellIs" dxfId="4954" priority="4955" operator="lessThanOrEqual">
      <formula>90</formula>
    </cfRule>
    <cfRule type="cellIs" dxfId="4953" priority="4956" operator="greaterThanOrEqual">
      <formula>110</formula>
    </cfRule>
  </conditionalFormatting>
  <conditionalFormatting sqref="D62">
    <cfRule type="cellIs" dxfId="4952" priority="4951" stopIfTrue="1" operator="equal">
      <formula>0</formula>
    </cfRule>
    <cfRule type="cellIs" dxfId="4951" priority="4952" operator="lessThanOrEqual">
      <formula>90</formula>
    </cfRule>
    <cfRule type="cellIs" dxfId="4950" priority="4953" operator="greaterThanOrEqual">
      <formula>110</formula>
    </cfRule>
  </conditionalFormatting>
  <conditionalFormatting sqref="D63">
    <cfRule type="cellIs" dxfId="4949" priority="4948" stopIfTrue="1" operator="equal">
      <formula>0</formula>
    </cfRule>
    <cfRule type="cellIs" dxfId="4948" priority="4949" operator="lessThanOrEqual">
      <formula>90</formula>
    </cfRule>
    <cfRule type="cellIs" dxfId="4947" priority="4950" operator="greaterThanOrEqual">
      <formula>110</formula>
    </cfRule>
  </conditionalFormatting>
  <conditionalFormatting sqref="D64">
    <cfRule type="cellIs" dxfId="4946" priority="4945" stopIfTrue="1" operator="equal">
      <formula>0</formula>
    </cfRule>
    <cfRule type="cellIs" dxfId="4945" priority="4946" operator="lessThanOrEqual">
      <formula>90</formula>
    </cfRule>
    <cfRule type="cellIs" dxfId="4944" priority="4947" operator="greaterThanOrEqual">
      <formula>110</formula>
    </cfRule>
  </conditionalFormatting>
  <conditionalFormatting sqref="D65">
    <cfRule type="cellIs" dxfId="4943" priority="4942" stopIfTrue="1" operator="equal">
      <formula>0</formula>
    </cfRule>
    <cfRule type="cellIs" dxfId="4942" priority="4943" operator="lessThanOrEqual">
      <formula>90</formula>
    </cfRule>
    <cfRule type="cellIs" dxfId="4941" priority="4944" operator="greaterThanOrEqual">
      <formula>110</formula>
    </cfRule>
  </conditionalFormatting>
  <conditionalFormatting sqref="E5">
    <cfRule type="cellIs" dxfId="4940" priority="4939" stopIfTrue="1" operator="equal">
      <formula>0</formula>
    </cfRule>
    <cfRule type="cellIs" dxfId="4939" priority="4940" operator="lessThanOrEqual">
      <formula>90</formula>
    </cfRule>
    <cfRule type="cellIs" dxfId="4938" priority="4941" operator="greaterThanOrEqual">
      <formula>110</formula>
    </cfRule>
  </conditionalFormatting>
  <conditionalFormatting sqref="E6">
    <cfRule type="cellIs" dxfId="4937" priority="4936" stopIfTrue="1" operator="equal">
      <formula>0</formula>
    </cfRule>
    <cfRule type="cellIs" dxfId="4936" priority="4937" operator="lessThanOrEqual">
      <formula>90</formula>
    </cfRule>
    <cfRule type="cellIs" dxfId="4935" priority="4938" operator="greaterThanOrEqual">
      <formula>110</formula>
    </cfRule>
  </conditionalFormatting>
  <conditionalFormatting sqref="E7">
    <cfRule type="cellIs" dxfId="4934" priority="4933" stopIfTrue="1" operator="equal">
      <formula>0</formula>
    </cfRule>
    <cfRule type="cellIs" dxfId="4933" priority="4934" operator="lessThanOrEqual">
      <formula>90</formula>
    </cfRule>
    <cfRule type="cellIs" dxfId="4932" priority="4935" operator="greaterThanOrEqual">
      <formula>110</formula>
    </cfRule>
  </conditionalFormatting>
  <conditionalFormatting sqref="E8">
    <cfRule type="cellIs" dxfId="4931" priority="4930" stopIfTrue="1" operator="equal">
      <formula>0</formula>
    </cfRule>
    <cfRule type="cellIs" dxfId="4930" priority="4931" operator="lessThanOrEqual">
      <formula>90</formula>
    </cfRule>
    <cfRule type="cellIs" dxfId="4929" priority="4932" operator="greaterThanOrEqual">
      <formula>110</formula>
    </cfRule>
  </conditionalFormatting>
  <conditionalFormatting sqref="E9">
    <cfRule type="cellIs" dxfId="4928" priority="4927" stopIfTrue="1" operator="equal">
      <formula>0</formula>
    </cfRule>
    <cfRule type="cellIs" dxfId="4927" priority="4928" operator="lessThanOrEqual">
      <formula>90</formula>
    </cfRule>
    <cfRule type="cellIs" dxfId="4926" priority="4929" operator="greaterThanOrEqual">
      <formula>110</formula>
    </cfRule>
  </conditionalFormatting>
  <conditionalFormatting sqref="E10">
    <cfRule type="cellIs" dxfId="4925" priority="4924" stopIfTrue="1" operator="equal">
      <formula>0</formula>
    </cfRule>
    <cfRule type="cellIs" dxfId="4924" priority="4925" operator="lessThanOrEqual">
      <formula>90</formula>
    </cfRule>
    <cfRule type="cellIs" dxfId="4923" priority="4926" operator="greaterThanOrEqual">
      <formula>110</formula>
    </cfRule>
  </conditionalFormatting>
  <conditionalFormatting sqref="E11">
    <cfRule type="cellIs" dxfId="4922" priority="4921" stopIfTrue="1" operator="equal">
      <formula>0</formula>
    </cfRule>
    <cfRule type="cellIs" dxfId="4921" priority="4922" operator="lessThanOrEqual">
      <formula>90</formula>
    </cfRule>
    <cfRule type="cellIs" dxfId="4920" priority="4923" operator="greaterThanOrEqual">
      <formula>110</formula>
    </cfRule>
  </conditionalFormatting>
  <conditionalFormatting sqref="E12">
    <cfRule type="cellIs" dxfId="4919" priority="4918" stopIfTrue="1" operator="equal">
      <formula>0</formula>
    </cfRule>
    <cfRule type="cellIs" dxfId="4918" priority="4919" operator="lessThanOrEqual">
      <formula>90</formula>
    </cfRule>
    <cfRule type="cellIs" dxfId="4917" priority="4920" operator="greaterThanOrEqual">
      <formula>110</formula>
    </cfRule>
  </conditionalFormatting>
  <conditionalFormatting sqref="E13">
    <cfRule type="cellIs" dxfId="4916" priority="4915" stopIfTrue="1" operator="equal">
      <formula>0</formula>
    </cfRule>
    <cfRule type="cellIs" dxfId="4915" priority="4916" operator="lessThanOrEqual">
      <formula>90</formula>
    </cfRule>
    <cfRule type="cellIs" dxfId="4914" priority="4917" operator="greaterThanOrEqual">
      <formula>110</formula>
    </cfRule>
  </conditionalFormatting>
  <conditionalFormatting sqref="E14">
    <cfRule type="cellIs" dxfId="4913" priority="4912" stopIfTrue="1" operator="equal">
      <formula>0</formula>
    </cfRule>
    <cfRule type="cellIs" dxfId="4912" priority="4913" operator="lessThanOrEqual">
      <formula>90</formula>
    </cfRule>
    <cfRule type="cellIs" dxfId="4911" priority="4914" operator="greaterThanOrEqual">
      <formula>110</formula>
    </cfRule>
  </conditionalFormatting>
  <conditionalFormatting sqref="E15">
    <cfRule type="cellIs" dxfId="4910" priority="4909" stopIfTrue="1" operator="equal">
      <formula>0</formula>
    </cfRule>
    <cfRule type="cellIs" dxfId="4909" priority="4910" operator="lessThanOrEqual">
      <formula>90</formula>
    </cfRule>
    <cfRule type="cellIs" dxfId="4908" priority="4911" operator="greaterThanOrEqual">
      <formula>110</formula>
    </cfRule>
  </conditionalFormatting>
  <conditionalFormatting sqref="E16">
    <cfRule type="cellIs" dxfId="4907" priority="4906" stopIfTrue="1" operator="equal">
      <formula>0</formula>
    </cfRule>
    <cfRule type="cellIs" dxfId="4906" priority="4907" operator="lessThanOrEqual">
      <formula>90</formula>
    </cfRule>
    <cfRule type="cellIs" dxfId="4905" priority="4908" operator="greaterThanOrEqual">
      <formula>110</formula>
    </cfRule>
  </conditionalFormatting>
  <conditionalFormatting sqref="E17">
    <cfRule type="cellIs" dxfId="4904" priority="4903" stopIfTrue="1" operator="equal">
      <formula>0</formula>
    </cfRule>
    <cfRule type="cellIs" dxfId="4903" priority="4904" operator="lessThanOrEqual">
      <formula>90</formula>
    </cfRule>
    <cfRule type="cellIs" dxfId="4902" priority="4905" operator="greaterThanOrEqual">
      <formula>110</formula>
    </cfRule>
  </conditionalFormatting>
  <conditionalFormatting sqref="E18">
    <cfRule type="cellIs" dxfId="4901" priority="4900" stopIfTrue="1" operator="equal">
      <formula>0</formula>
    </cfRule>
    <cfRule type="cellIs" dxfId="4900" priority="4901" operator="lessThanOrEqual">
      <formula>90</formula>
    </cfRule>
    <cfRule type="cellIs" dxfId="4899" priority="4902" operator="greaterThanOrEqual">
      <formula>110</formula>
    </cfRule>
  </conditionalFormatting>
  <conditionalFormatting sqref="E19">
    <cfRule type="cellIs" dxfId="4898" priority="4897" stopIfTrue="1" operator="equal">
      <formula>0</formula>
    </cfRule>
    <cfRule type="cellIs" dxfId="4897" priority="4898" operator="lessThanOrEqual">
      <formula>90</formula>
    </cfRule>
    <cfRule type="cellIs" dxfId="4896" priority="4899" operator="greaterThanOrEqual">
      <formula>110</formula>
    </cfRule>
  </conditionalFormatting>
  <conditionalFormatting sqref="E20">
    <cfRule type="cellIs" dxfId="4895" priority="4894" stopIfTrue="1" operator="equal">
      <formula>0</formula>
    </cfRule>
    <cfRule type="cellIs" dxfId="4894" priority="4895" operator="lessThanOrEqual">
      <formula>90</formula>
    </cfRule>
    <cfRule type="cellIs" dxfId="4893" priority="4896" operator="greaterThanOrEqual">
      <formula>110</formula>
    </cfRule>
  </conditionalFormatting>
  <conditionalFormatting sqref="E21">
    <cfRule type="cellIs" dxfId="4892" priority="4891" stopIfTrue="1" operator="equal">
      <formula>0</formula>
    </cfRule>
    <cfRule type="cellIs" dxfId="4891" priority="4892" operator="lessThanOrEqual">
      <formula>90</formula>
    </cfRule>
    <cfRule type="cellIs" dxfId="4890" priority="4893" operator="greaterThanOrEqual">
      <formula>110</formula>
    </cfRule>
  </conditionalFormatting>
  <conditionalFormatting sqref="E22">
    <cfRule type="cellIs" dxfId="4889" priority="4888" stopIfTrue="1" operator="equal">
      <formula>0</formula>
    </cfRule>
    <cfRule type="cellIs" dxfId="4888" priority="4889" operator="lessThanOrEqual">
      <formula>90</formula>
    </cfRule>
    <cfRule type="cellIs" dxfId="4887" priority="4890" operator="greaterThanOrEqual">
      <formula>110</formula>
    </cfRule>
  </conditionalFormatting>
  <conditionalFormatting sqref="E23">
    <cfRule type="cellIs" dxfId="4886" priority="4885" stopIfTrue="1" operator="equal">
      <formula>0</formula>
    </cfRule>
    <cfRule type="cellIs" dxfId="4885" priority="4886" operator="lessThanOrEqual">
      <formula>90</formula>
    </cfRule>
    <cfRule type="cellIs" dxfId="4884" priority="4887" operator="greaterThanOrEqual">
      <formula>110</formula>
    </cfRule>
  </conditionalFormatting>
  <conditionalFormatting sqref="E24">
    <cfRule type="cellIs" dxfId="4883" priority="4882" stopIfTrue="1" operator="equal">
      <formula>0</formula>
    </cfRule>
    <cfRule type="cellIs" dxfId="4882" priority="4883" operator="lessThanOrEqual">
      <formula>90</formula>
    </cfRule>
    <cfRule type="cellIs" dxfId="4881" priority="4884" operator="greaterThanOrEqual">
      <formula>110</formula>
    </cfRule>
  </conditionalFormatting>
  <conditionalFormatting sqref="E25">
    <cfRule type="cellIs" dxfId="4880" priority="4879" stopIfTrue="1" operator="equal">
      <formula>0</formula>
    </cfRule>
    <cfRule type="cellIs" dxfId="4879" priority="4880" operator="lessThanOrEqual">
      <formula>90</formula>
    </cfRule>
    <cfRule type="cellIs" dxfId="4878" priority="4881" operator="greaterThanOrEqual">
      <formula>110</formula>
    </cfRule>
  </conditionalFormatting>
  <conditionalFormatting sqref="E26">
    <cfRule type="cellIs" dxfId="4877" priority="4876" stopIfTrue="1" operator="equal">
      <formula>0</formula>
    </cfRule>
    <cfRule type="cellIs" dxfId="4876" priority="4877" operator="lessThanOrEqual">
      <formula>90</formula>
    </cfRule>
    <cfRule type="cellIs" dxfId="4875" priority="4878" operator="greaterThanOrEqual">
      <formula>110</formula>
    </cfRule>
  </conditionalFormatting>
  <conditionalFormatting sqref="E27">
    <cfRule type="cellIs" dxfId="4874" priority="4873" stopIfTrue="1" operator="equal">
      <formula>0</formula>
    </cfRule>
    <cfRule type="cellIs" dxfId="4873" priority="4874" operator="lessThanOrEqual">
      <formula>90</formula>
    </cfRule>
    <cfRule type="cellIs" dxfId="4872" priority="4875" operator="greaterThanOrEqual">
      <formula>110</formula>
    </cfRule>
  </conditionalFormatting>
  <conditionalFormatting sqref="E28">
    <cfRule type="cellIs" dxfId="4871" priority="4870" stopIfTrue="1" operator="equal">
      <formula>0</formula>
    </cfRule>
    <cfRule type="cellIs" dxfId="4870" priority="4871" operator="lessThanOrEqual">
      <formula>90</formula>
    </cfRule>
    <cfRule type="cellIs" dxfId="4869" priority="4872" operator="greaterThanOrEqual">
      <formula>110</formula>
    </cfRule>
  </conditionalFormatting>
  <conditionalFormatting sqref="E29">
    <cfRule type="cellIs" dxfId="4868" priority="4867" stopIfTrue="1" operator="equal">
      <formula>0</formula>
    </cfRule>
    <cfRule type="cellIs" dxfId="4867" priority="4868" operator="lessThanOrEqual">
      <formula>90</formula>
    </cfRule>
    <cfRule type="cellIs" dxfId="4866" priority="4869" operator="greaterThanOrEqual">
      <formula>110</formula>
    </cfRule>
  </conditionalFormatting>
  <conditionalFormatting sqref="E30">
    <cfRule type="cellIs" dxfId="4865" priority="4864" stopIfTrue="1" operator="equal">
      <formula>0</formula>
    </cfRule>
    <cfRule type="cellIs" dxfId="4864" priority="4865" operator="lessThanOrEqual">
      <formula>90</formula>
    </cfRule>
    <cfRule type="cellIs" dxfId="4863" priority="4866" operator="greaterThanOrEqual">
      <formula>110</formula>
    </cfRule>
  </conditionalFormatting>
  <conditionalFormatting sqref="E31">
    <cfRule type="cellIs" dxfId="4862" priority="4861" stopIfTrue="1" operator="equal">
      <formula>0</formula>
    </cfRule>
    <cfRule type="cellIs" dxfId="4861" priority="4862" operator="lessThanOrEqual">
      <formula>90</formula>
    </cfRule>
    <cfRule type="cellIs" dxfId="4860" priority="4863" operator="greaterThanOrEqual">
      <formula>110</formula>
    </cfRule>
  </conditionalFormatting>
  <conditionalFormatting sqref="E32">
    <cfRule type="cellIs" dxfId="4859" priority="4858" stopIfTrue="1" operator="equal">
      <formula>0</formula>
    </cfRule>
    <cfRule type="cellIs" dxfId="4858" priority="4859" operator="lessThanOrEqual">
      <formula>90</formula>
    </cfRule>
    <cfRule type="cellIs" dxfId="4857" priority="4860" operator="greaterThanOrEqual">
      <formula>110</formula>
    </cfRule>
  </conditionalFormatting>
  <conditionalFormatting sqref="E33">
    <cfRule type="cellIs" dxfId="4856" priority="4855" stopIfTrue="1" operator="equal">
      <formula>0</formula>
    </cfRule>
    <cfRule type="cellIs" dxfId="4855" priority="4856" operator="lessThanOrEqual">
      <formula>90</formula>
    </cfRule>
    <cfRule type="cellIs" dxfId="4854" priority="4857" operator="greaterThanOrEqual">
      <formula>110</formula>
    </cfRule>
  </conditionalFormatting>
  <conditionalFormatting sqref="E34">
    <cfRule type="cellIs" dxfId="4853" priority="4852" stopIfTrue="1" operator="equal">
      <formula>0</formula>
    </cfRule>
    <cfRule type="cellIs" dxfId="4852" priority="4853" operator="lessThanOrEqual">
      <formula>90</formula>
    </cfRule>
    <cfRule type="cellIs" dxfId="4851" priority="4854" operator="greaterThanOrEqual">
      <formula>110</formula>
    </cfRule>
  </conditionalFormatting>
  <conditionalFormatting sqref="E35">
    <cfRule type="cellIs" dxfId="4850" priority="4849" stopIfTrue="1" operator="equal">
      <formula>0</formula>
    </cfRule>
    <cfRule type="cellIs" dxfId="4849" priority="4850" operator="lessThanOrEqual">
      <formula>90</formula>
    </cfRule>
    <cfRule type="cellIs" dxfId="4848" priority="4851" operator="greaterThanOrEqual">
      <formula>110</formula>
    </cfRule>
  </conditionalFormatting>
  <conditionalFormatting sqref="E36">
    <cfRule type="cellIs" dxfId="4847" priority="4846" stopIfTrue="1" operator="equal">
      <formula>0</formula>
    </cfRule>
    <cfRule type="cellIs" dxfId="4846" priority="4847" operator="lessThanOrEqual">
      <formula>90</formula>
    </cfRule>
    <cfRule type="cellIs" dxfId="4845" priority="4848" operator="greaterThanOrEqual">
      <formula>110</formula>
    </cfRule>
  </conditionalFormatting>
  <conditionalFormatting sqref="E37">
    <cfRule type="cellIs" dxfId="4844" priority="4843" stopIfTrue="1" operator="equal">
      <formula>0</formula>
    </cfRule>
    <cfRule type="cellIs" dxfId="4843" priority="4844" operator="lessThanOrEqual">
      <formula>90</formula>
    </cfRule>
    <cfRule type="cellIs" dxfId="4842" priority="4845" operator="greaterThanOrEqual">
      <formula>110</formula>
    </cfRule>
  </conditionalFormatting>
  <conditionalFormatting sqref="E38">
    <cfRule type="cellIs" dxfId="4841" priority="4840" stopIfTrue="1" operator="equal">
      <formula>0</formula>
    </cfRule>
    <cfRule type="cellIs" dxfId="4840" priority="4841" operator="lessThanOrEqual">
      <formula>90</formula>
    </cfRule>
    <cfRule type="cellIs" dxfId="4839" priority="4842" operator="greaterThanOrEqual">
      <formula>110</formula>
    </cfRule>
  </conditionalFormatting>
  <conditionalFormatting sqref="E39">
    <cfRule type="cellIs" dxfId="4838" priority="4837" stopIfTrue="1" operator="equal">
      <formula>0</formula>
    </cfRule>
    <cfRule type="cellIs" dxfId="4837" priority="4838" operator="lessThanOrEqual">
      <formula>90</formula>
    </cfRule>
    <cfRule type="cellIs" dxfId="4836" priority="4839" operator="greaterThanOrEqual">
      <formula>110</formula>
    </cfRule>
  </conditionalFormatting>
  <conditionalFormatting sqref="E40">
    <cfRule type="cellIs" dxfId="4835" priority="4834" stopIfTrue="1" operator="equal">
      <formula>0</formula>
    </cfRule>
    <cfRule type="cellIs" dxfId="4834" priority="4835" operator="lessThanOrEqual">
      <formula>90</formula>
    </cfRule>
    <cfRule type="cellIs" dxfId="4833" priority="4836" operator="greaterThanOrEqual">
      <formula>110</formula>
    </cfRule>
  </conditionalFormatting>
  <conditionalFormatting sqref="E41">
    <cfRule type="cellIs" dxfId="4832" priority="4831" stopIfTrue="1" operator="equal">
      <formula>0</formula>
    </cfRule>
    <cfRule type="cellIs" dxfId="4831" priority="4832" operator="lessThanOrEqual">
      <formula>90</formula>
    </cfRule>
    <cfRule type="cellIs" dxfId="4830" priority="4833" operator="greaterThanOrEqual">
      <formula>110</formula>
    </cfRule>
  </conditionalFormatting>
  <conditionalFormatting sqref="E42">
    <cfRule type="cellIs" dxfId="4829" priority="4828" stopIfTrue="1" operator="equal">
      <formula>0</formula>
    </cfRule>
    <cfRule type="cellIs" dxfId="4828" priority="4829" operator="lessThanOrEqual">
      <formula>90</formula>
    </cfRule>
    <cfRule type="cellIs" dxfId="4827" priority="4830" operator="greaterThanOrEqual">
      <formula>110</formula>
    </cfRule>
  </conditionalFormatting>
  <conditionalFormatting sqref="E43">
    <cfRule type="cellIs" dxfId="4826" priority="4825" stopIfTrue="1" operator="equal">
      <formula>0</formula>
    </cfRule>
    <cfRule type="cellIs" dxfId="4825" priority="4826" operator="lessThanOrEqual">
      <formula>90</formula>
    </cfRule>
    <cfRule type="cellIs" dxfId="4824" priority="4827" operator="greaterThanOrEqual">
      <formula>110</formula>
    </cfRule>
  </conditionalFormatting>
  <conditionalFormatting sqref="E44">
    <cfRule type="cellIs" dxfId="4823" priority="4822" stopIfTrue="1" operator="equal">
      <formula>0</formula>
    </cfRule>
    <cfRule type="cellIs" dxfId="4822" priority="4823" operator="lessThanOrEqual">
      <formula>90</formula>
    </cfRule>
    <cfRule type="cellIs" dxfId="4821" priority="4824" operator="greaterThanOrEqual">
      <formula>110</formula>
    </cfRule>
  </conditionalFormatting>
  <conditionalFormatting sqref="E45">
    <cfRule type="cellIs" dxfId="4820" priority="4819" stopIfTrue="1" operator="equal">
      <formula>0</formula>
    </cfRule>
    <cfRule type="cellIs" dxfId="4819" priority="4820" operator="lessThanOrEqual">
      <formula>90</formula>
    </cfRule>
    <cfRule type="cellIs" dxfId="4818" priority="4821" operator="greaterThanOrEqual">
      <formula>110</formula>
    </cfRule>
  </conditionalFormatting>
  <conditionalFormatting sqref="E46">
    <cfRule type="cellIs" dxfId="4817" priority="4816" stopIfTrue="1" operator="equal">
      <formula>0</formula>
    </cfRule>
    <cfRule type="cellIs" dxfId="4816" priority="4817" operator="lessThanOrEqual">
      <formula>90</formula>
    </cfRule>
    <cfRule type="cellIs" dxfId="4815" priority="4818" operator="greaterThanOrEqual">
      <formula>110</formula>
    </cfRule>
  </conditionalFormatting>
  <conditionalFormatting sqref="E47">
    <cfRule type="cellIs" dxfId="4814" priority="4813" stopIfTrue="1" operator="equal">
      <formula>0</formula>
    </cfRule>
    <cfRule type="cellIs" dxfId="4813" priority="4814" operator="lessThanOrEqual">
      <formula>90</formula>
    </cfRule>
    <cfRule type="cellIs" dxfId="4812" priority="4815" operator="greaterThanOrEqual">
      <formula>110</formula>
    </cfRule>
  </conditionalFormatting>
  <conditionalFormatting sqref="E48">
    <cfRule type="cellIs" dxfId="4811" priority="4810" stopIfTrue="1" operator="equal">
      <formula>0</formula>
    </cfRule>
    <cfRule type="cellIs" dxfId="4810" priority="4811" operator="lessThanOrEqual">
      <formula>90</formula>
    </cfRule>
    <cfRule type="cellIs" dxfId="4809" priority="4812" operator="greaterThanOrEqual">
      <formula>110</formula>
    </cfRule>
  </conditionalFormatting>
  <conditionalFormatting sqref="E49">
    <cfRule type="cellIs" dxfId="4808" priority="4807" stopIfTrue="1" operator="equal">
      <formula>0</formula>
    </cfRule>
    <cfRule type="cellIs" dxfId="4807" priority="4808" operator="lessThanOrEqual">
      <formula>90</formula>
    </cfRule>
    <cfRule type="cellIs" dxfId="4806" priority="4809" operator="greaterThanOrEqual">
      <formula>110</formula>
    </cfRule>
  </conditionalFormatting>
  <conditionalFormatting sqref="E50">
    <cfRule type="cellIs" dxfId="4805" priority="4804" stopIfTrue="1" operator="equal">
      <formula>0</formula>
    </cfRule>
    <cfRule type="cellIs" dxfId="4804" priority="4805" operator="lessThanOrEqual">
      <formula>90</formula>
    </cfRule>
    <cfRule type="cellIs" dxfId="4803" priority="4806" operator="greaterThanOrEqual">
      <formula>110</formula>
    </cfRule>
  </conditionalFormatting>
  <conditionalFormatting sqref="E51">
    <cfRule type="cellIs" dxfId="4802" priority="4801" stopIfTrue="1" operator="equal">
      <formula>0</formula>
    </cfRule>
    <cfRule type="cellIs" dxfId="4801" priority="4802" operator="lessThanOrEqual">
      <formula>90</formula>
    </cfRule>
    <cfRule type="cellIs" dxfId="4800" priority="4803" operator="greaterThanOrEqual">
      <formula>110</formula>
    </cfRule>
  </conditionalFormatting>
  <conditionalFormatting sqref="E52">
    <cfRule type="cellIs" dxfId="4799" priority="4798" stopIfTrue="1" operator="equal">
      <formula>0</formula>
    </cfRule>
    <cfRule type="cellIs" dxfId="4798" priority="4799" operator="lessThanOrEqual">
      <formula>90</formula>
    </cfRule>
    <cfRule type="cellIs" dxfId="4797" priority="4800" operator="greaterThanOrEqual">
      <formula>110</formula>
    </cfRule>
  </conditionalFormatting>
  <conditionalFormatting sqref="E53">
    <cfRule type="cellIs" dxfId="4796" priority="4795" stopIfTrue="1" operator="equal">
      <formula>0</formula>
    </cfRule>
    <cfRule type="cellIs" dxfId="4795" priority="4796" operator="lessThanOrEqual">
      <formula>90</formula>
    </cfRule>
    <cfRule type="cellIs" dxfId="4794" priority="4797" operator="greaterThanOrEqual">
      <formula>110</formula>
    </cfRule>
  </conditionalFormatting>
  <conditionalFormatting sqref="E54">
    <cfRule type="cellIs" dxfId="4793" priority="4792" stopIfTrue="1" operator="equal">
      <formula>0</formula>
    </cfRule>
    <cfRule type="cellIs" dxfId="4792" priority="4793" operator="lessThanOrEqual">
      <formula>90</formula>
    </cfRule>
    <cfRule type="cellIs" dxfId="4791" priority="4794" operator="greaterThanOrEqual">
      <formula>110</formula>
    </cfRule>
  </conditionalFormatting>
  <conditionalFormatting sqref="E55">
    <cfRule type="cellIs" dxfId="4790" priority="4789" stopIfTrue="1" operator="equal">
      <formula>0</formula>
    </cfRule>
    <cfRule type="cellIs" dxfId="4789" priority="4790" operator="lessThanOrEqual">
      <formula>90</formula>
    </cfRule>
    <cfRule type="cellIs" dxfId="4788" priority="4791" operator="greaterThanOrEqual">
      <formula>110</formula>
    </cfRule>
  </conditionalFormatting>
  <conditionalFormatting sqref="E56">
    <cfRule type="cellIs" dxfId="4787" priority="4786" stopIfTrue="1" operator="equal">
      <formula>0</formula>
    </cfRule>
    <cfRule type="cellIs" dxfId="4786" priority="4787" operator="lessThanOrEqual">
      <formula>90</formula>
    </cfRule>
    <cfRule type="cellIs" dxfId="4785" priority="4788" operator="greaterThanOrEqual">
      <formula>110</formula>
    </cfRule>
  </conditionalFormatting>
  <conditionalFormatting sqref="E57">
    <cfRule type="cellIs" dxfId="4784" priority="4783" stopIfTrue="1" operator="equal">
      <formula>0</formula>
    </cfRule>
    <cfRule type="cellIs" dxfId="4783" priority="4784" operator="lessThanOrEqual">
      <formula>90</formula>
    </cfRule>
    <cfRule type="cellIs" dxfId="4782" priority="4785" operator="greaterThanOrEqual">
      <formula>110</formula>
    </cfRule>
  </conditionalFormatting>
  <conditionalFormatting sqref="E58">
    <cfRule type="cellIs" dxfId="4781" priority="4780" stopIfTrue="1" operator="equal">
      <formula>0</formula>
    </cfRule>
    <cfRule type="cellIs" dxfId="4780" priority="4781" operator="lessThanOrEqual">
      <formula>90</formula>
    </cfRule>
    <cfRule type="cellIs" dxfId="4779" priority="4782" operator="greaterThanOrEqual">
      <formula>110</formula>
    </cfRule>
  </conditionalFormatting>
  <conditionalFormatting sqref="E59">
    <cfRule type="cellIs" dxfId="4778" priority="4777" stopIfTrue="1" operator="equal">
      <formula>0</formula>
    </cfRule>
    <cfRule type="cellIs" dxfId="4777" priority="4778" operator="lessThanOrEqual">
      <formula>90</formula>
    </cfRule>
    <cfRule type="cellIs" dxfId="4776" priority="4779" operator="greaterThanOrEqual">
      <formula>110</formula>
    </cfRule>
  </conditionalFormatting>
  <conditionalFormatting sqref="E60">
    <cfRule type="cellIs" dxfId="4775" priority="4774" stopIfTrue="1" operator="equal">
      <formula>0</formula>
    </cfRule>
    <cfRule type="cellIs" dxfId="4774" priority="4775" operator="lessThanOrEqual">
      <formula>90</formula>
    </cfRule>
    <cfRule type="cellIs" dxfId="4773" priority="4776" operator="greaterThanOrEqual">
      <formula>110</formula>
    </cfRule>
  </conditionalFormatting>
  <conditionalFormatting sqref="E61">
    <cfRule type="cellIs" dxfId="4772" priority="4771" stopIfTrue="1" operator="equal">
      <formula>0</formula>
    </cfRule>
    <cfRule type="cellIs" dxfId="4771" priority="4772" operator="lessThanOrEqual">
      <formula>90</formula>
    </cfRule>
    <cfRule type="cellIs" dxfId="4770" priority="4773" operator="greaterThanOrEqual">
      <formula>110</formula>
    </cfRule>
  </conditionalFormatting>
  <conditionalFormatting sqref="E62">
    <cfRule type="cellIs" dxfId="4769" priority="4768" stopIfTrue="1" operator="equal">
      <formula>0</formula>
    </cfRule>
    <cfRule type="cellIs" dxfId="4768" priority="4769" operator="lessThanOrEqual">
      <formula>90</formula>
    </cfRule>
    <cfRule type="cellIs" dxfId="4767" priority="4770" operator="greaterThanOrEqual">
      <formula>110</formula>
    </cfRule>
  </conditionalFormatting>
  <conditionalFormatting sqref="E63">
    <cfRule type="cellIs" dxfId="4766" priority="4765" stopIfTrue="1" operator="equal">
      <formula>0</formula>
    </cfRule>
    <cfRule type="cellIs" dxfId="4765" priority="4766" operator="lessThanOrEqual">
      <formula>90</formula>
    </cfRule>
    <cfRule type="cellIs" dxfId="4764" priority="4767" operator="greaterThanOrEqual">
      <formula>110</formula>
    </cfRule>
  </conditionalFormatting>
  <conditionalFormatting sqref="E64">
    <cfRule type="cellIs" dxfId="4763" priority="4762" stopIfTrue="1" operator="equal">
      <formula>0</formula>
    </cfRule>
    <cfRule type="cellIs" dxfId="4762" priority="4763" operator="lessThanOrEqual">
      <formula>90</formula>
    </cfRule>
    <cfRule type="cellIs" dxfId="4761" priority="4764" operator="greaterThanOrEqual">
      <formula>110</formula>
    </cfRule>
  </conditionalFormatting>
  <conditionalFormatting sqref="E65">
    <cfRule type="cellIs" dxfId="4760" priority="4759" stopIfTrue="1" operator="equal">
      <formula>0</formula>
    </cfRule>
    <cfRule type="cellIs" dxfId="4759" priority="4760" operator="lessThanOrEqual">
      <formula>90</formula>
    </cfRule>
    <cfRule type="cellIs" dxfId="4758" priority="4761" operator="greaterThanOrEqual">
      <formula>110</formula>
    </cfRule>
  </conditionalFormatting>
  <conditionalFormatting sqref="F5">
    <cfRule type="cellIs" dxfId="4757" priority="4756" stopIfTrue="1" operator="equal">
      <formula>0</formula>
    </cfRule>
    <cfRule type="cellIs" dxfId="4756" priority="4757" operator="lessThanOrEqual">
      <formula>90</formula>
    </cfRule>
    <cfRule type="cellIs" dxfId="4755" priority="4758" operator="greaterThanOrEqual">
      <formula>110</formula>
    </cfRule>
  </conditionalFormatting>
  <conditionalFormatting sqref="F6">
    <cfRule type="cellIs" dxfId="4754" priority="4753" stopIfTrue="1" operator="equal">
      <formula>0</formula>
    </cfRule>
    <cfRule type="cellIs" dxfId="4753" priority="4754" operator="lessThanOrEqual">
      <formula>90</formula>
    </cfRule>
    <cfRule type="cellIs" dxfId="4752" priority="4755" operator="greaterThanOrEqual">
      <formula>110</formula>
    </cfRule>
  </conditionalFormatting>
  <conditionalFormatting sqref="F7">
    <cfRule type="cellIs" dxfId="4751" priority="4750" stopIfTrue="1" operator="equal">
      <formula>0</formula>
    </cfRule>
    <cfRule type="cellIs" dxfId="4750" priority="4751" operator="lessThanOrEqual">
      <formula>90</formula>
    </cfRule>
    <cfRule type="cellIs" dxfId="4749" priority="4752" operator="greaterThanOrEqual">
      <formula>110</formula>
    </cfRule>
  </conditionalFormatting>
  <conditionalFormatting sqref="F8">
    <cfRule type="cellIs" dxfId="4748" priority="4747" stopIfTrue="1" operator="equal">
      <formula>0</formula>
    </cfRule>
    <cfRule type="cellIs" dxfId="4747" priority="4748" operator="lessThanOrEqual">
      <formula>90</formula>
    </cfRule>
    <cfRule type="cellIs" dxfId="4746" priority="4749" operator="greaterThanOrEqual">
      <formula>110</formula>
    </cfRule>
  </conditionalFormatting>
  <conditionalFormatting sqref="F9">
    <cfRule type="cellIs" dxfId="4745" priority="4744" stopIfTrue="1" operator="equal">
      <formula>0</formula>
    </cfRule>
    <cfRule type="cellIs" dxfId="4744" priority="4745" operator="lessThanOrEqual">
      <formula>90</formula>
    </cfRule>
    <cfRule type="cellIs" dxfId="4743" priority="4746" operator="greaterThanOrEqual">
      <formula>110</formula>
    </cfRule>
  </conditionalFormatting>
  <conditionalFormatting sqref="F10">
    <cfRule type="cellIs" dxfId="4742" priority="4741" stopIfTrue="1" operator="equal">
      <formula>0</formula>
    </cfRule>
    <cfRule type="cellIs" dxfId="4741" priority="4742" operator="lessThanOrEqual">
      <formula>90</formula>
    </cfRule>
    <cfRule type="cellIs" dxfId="4740" priority="4743" operator="greaterThanOrEqual">
      <formula>110</formula>
    </cfRule>
  </conditionalFormatting>
  <conditionalFormatting sqref="F11">
    <cfRule type="cellIs" dxfId="4739" priority="4738" stopIfTrue="1" operator="equal">
      <formula>0</formula>
    </cfRule>
    <cfRule type="cellIs" dxfId="4738" priority="4739" operator="lessThanOrEqual">
      <formula>90</formula>
    </cfRule>
    <cfRule type="cellIs" dxfId="4737" priority="4740" operator="greaterThanOrEqual">
      <formula>110</formula>
    </cfRule>
  </conditionalFormatting>
  <conditionalFormatting sqref="F12">
    <cfRule type="cellIs" dxfId="4736" priority="4735" stopIfTrue="1" operator="equal">
      <formula>0</formula>
    </cfRule>
    <cfRule type="cellIs" dxfId="4735" priority="4736" operator="lessThanOrEqual">
      <formula>90</formula>
    </cfRule>
    <cfRule type="cellIs" dxfId="4734" priority="4737" operator="greaterThanOrEqual">
      <formula>110</formula>
    </cfRule>
  </conditionalFormatting>
  <conditionalFormatting sqref="F13">
    <cfRule type="cellIs" dxfId="4733" priority="4732" stopIfTrue="1" operator="equal">
      <formula>0</formula>
    </cfRule>
    <cfRule type="cellIs" dxfId="4732" priority="4733" operator="lessThanOrEqual">
      <formula>90</formula>
    </cfRule>
    <cfRule type="cellIs" dxfId="4731" priority="4734" operator="greaterThanOrEqual">
      <formula>110</formula>
    </cfRule>
  </conditionalFormatting>
  <conditionalFormatting sqref="F14">
    <cfRule type="cellIs" dxfId="4730" priority="4729" stopIfTrue="1" operator="equal">
      <formula>0</formula>
    </cfRule>
    <cfRule type="cellIs" dxfId="4729" priority="4730" operator="lessThanOrEqual">
      <formula>90</formula>
    </cfRule>
    <cfRule type="cellIs" dxfId="4728" priority="4731" operator="greaterThanOrEqual">
      <formula>110</formula>
    </cfRule>
  </conditionalFormatting>
  <conditionalFormatting sqref="F15">
    <cfRule type="cellIs" dxfId="4727" priority="4726" stopIfTrue="1" operator="equal">
      <formula>0</formula>
    </cfRule>
    <cfRule type="cellIs" dxfId="4726" priority="4727" operator="lessThanOrEqual">
      <formula>90</formula>
    </cfRule>
    <cfRule type="cellIs" dxfId="4725" priority="4728" operator="greaterThanOrEqual">
      <formula>110</formula>
    </cfRule>
  </conditionalFormatting>
  <conditionalFormatting sqref="F16">
    <cfRule type="cellIs" dxfId="4724" priority="4723" stopIfTrue="1" operator="equal">
      <formula>0</formula>
    </cfRule>
    <cfRule type="cellIs" dxfId="4723" priority="4724" operator="lessThanOrEqual">
      <formula>90</formula>
    </cfRule>
    <cfRule type="cellIs" dxfId="4722" priority="4725" operator="greaterThanOrEqual">
      <formula>110</formula>
    </cfRule>
  </conditionalFormatting>
  <conditionalFormatting sqref="F17">
    <cfRule type="cellIs" dxfId="4721" priority="4720" stopIfTrue="1" operator="equal">
      <formula>0</formula>
    </cfRule>
    <cfRule type="cellIs" dxfId="4720" priority="4721" operator="lessThanOrEqual">
      <formula>90</formula>
    </cfRule>
    <cfRule type="cellIs" dxfId="4719" priority="4722" operator="greaterThanOrEqual">
      <formula>110</formula>
    </cfRule>
  </conditionalFormatting>
  <conditionalFormatting sqref="F18">
    <cfRule type="cellIs" dxfId="4718" priority="4717" stopIfTrue="1" operator="equal">
      <formula>0</formula>
    </cfRule>
    <cfRule type="cellIs" dxfId="4717" priority="4718" operator="lessThanOrEqual">
      <formula>90</formula>
    </cfRule>
    <cfRule type="cellIs" dxfId="4716" priority="4719" operator="greaterThanOrEqual">
      <formula>110</formula>
    </cfRule>
  </conditionalFormatting>
  <conditionalFormatting sqref="F19">
    <cfRule type="cellIs" dxfId="4715" priority="4714" stopIfTrue="1" operator="equal">
      <formula>0</formula>
    </cfRule>
    <cfRule type="cellIs" dxfId="4714" priority="4715" operator="lessThanOrEqual">
      <formula>90</formula>
    </cfRule>
    <cfRule type="cellIs" dxfId="4713" priority="4716" operator="greaterThanOrEqual">
      <formula>110</formula>
    </cfRule>
  </conditionalFormatting>
  <conditionalFormatting sqref="F20">
    <cfRule type="cellIs" dxfId="4712" priority="4711" stopIfTrue="1" operator="equal">
      <formula>0</formula>
    </cfRule>
    <cfRule type="cellIs" dxfId="4711" priority="4712" operator="lessThanOrEqual">
      <formula>90</formula>
    </cfRule>
    <cfRule type="cellIs" dxfId="4710" priority="4713" operator="greaterThanOrEqual">
      <formula>110</formula>
    </cfRule>
  </conditionalFormatting>
  <conditionalFormatting sqref="F21">
    <cfRule type="cellIs" dxfId="4709" priority="4708" stopIfTrue="1" operator="equal">
      <formula>0</formula>
    </cfRule>
    <cfRule type="cellIs" dxfId="4708" priority="4709" operator="lessThanOrEqual">
      <formula>90</formula>
    </cfRule>
    <cfRule type="cellIs" dxfId="4707" priority="4710" operator="greaterThanOrEqual">
      <formula>110</formula>
    </cfRule>
  </conditionalFormatting>
  <conditionalFormatting sqref="F22">
    <cfRule type="cellIs" dxfId="4706" priority="4705" stopIfTrue="1" operator="equal">
      <formula>0</formula>
    </cfRule>
    <cfRule type="cellIs" dxfId="4705" priority="4706" operator="lessThanOrEqual">
      <formula>90</formula>
    </cfRule>
    <cfRule type="cellIs" dxfId="4704" priority="4707" operator="greaterThanOrEqual">
      <formula>110</formula>
    </cfRule>
  </conditionalFormatting>
  <conditionalFormatting sqref="F23">
    <cfRule type="cellIs" dxfId="4703" priority="4702" stopIfTrue="1" operator="equal">
      <formula>0</formula>
    </cfRule>
    <cfRule type="cellIs" dxfId="4702" priority="4703" operator="lessThanOrEqual">
      <formula>90</formula>
    </cfRule>
    <cfRule type="cellIs" dxfId="4701" priority="4704" operator="greaterThanOrEqual">
      <formula>110</formula>
    </cfRule>
  </conditionalFormatting>
  <conditionalFormatting sqref="F24">
    <cfRule type="cellIs" dxfId="4700" priority="4699" stopIfTrue="1" operator="equal">
      <formula>0</formula>
    </cfRule>
    <cfRule type="cellIs" dxfId="4699" priority="4700" operator="lessThanOrEqual">
      <formula>90</formula>
    </cfRule>
    <cfRule type="cellIs" dxfId="4698" priority="4701" operator="greaterThanOrEqual">
      <formula>110</formula>
    </cfRule>
  </conditionalFormatting>
  <conditionalFormatting sqref="F25">
    <cfRule type="cellIs" dxfId="4697" priority="4696" stopIfTrue="1" operator="equal">
      <formula>0</formula>
    </cfRule>
    <cfRule type="cellIs" dxfId="4696" priority="4697" operator="lessThanOrEqual">
      <formula>90</formula>
    </cfRule>
    <cfRule type="cellIs" dxfId="4695" priority="4698" operator="greaterThanOrEqual">
      <formula>110</formula>
    </cfRule>
  </conditionalFormatting>
  <conditionalFormatting sqref="F26">
    <cfRule type="cellIs" dxfId="4694" priority="4693" stopIfTrue="1" operator="equal">
      <formula>0</formula>
    </cfRule>
    <cfRule type="cellIs" dxfId="4693" priority="4694" operator="lessThanOrEqual">
      <formula>90</formula>
    </cfRule>
    <cfRule type="cellIs" dxfId="4692" priority="4695" operator="greaterThanOrEqual">
      <formula>110</formula>
    </cfRule>
  </conditionalFormatting>
  <conditionalFormatting sqref="F27">
    <cfRule type="cellIs" dxfId="4691" priority="4690" stopIfTrue="1" operator="equal">
      <formula>0</formula>
    </cfRule>
    <cfRule type="cellIs" dxfId="4690" priority="4691" operator="lessThanOrEqual">
      <formula>90</formula>
    </cfRule>
    <cfRule type="cellIs" dxfId="4689" priority="4692" operator="greaterThanOrEqual">
      <formula>110</formula>
    </cfRule>
  </conditionalFormatting>
  <conditionalFormatting sqref="F28">
    <cfRule type="cellIs" dxfId="4688" priority="4687" stopIfTrue="1" operator="equal">
      <formula>0</formula>
    </cfRule>
    <cfRule type="cellIs" dxfId="4687" priority="4688" operator="lessThanOrEqual">
      <formula>90</formula>
    </cfRule>
    <cfRule type="cellIs" dxfId="4686" priority="4689" operator="greaterThanOrEqual">
      <formula>110</formula>
    </cfRule>
  </conditionalFormatting>
  <conditionalFormatting sqref="F29">
    <cfRule type="cellIs" dxfId="4685" priority="4684" stopIfTrue="1" operator="equal">
      <formula>0</formula>
    </cfRule>
    <cfRule type="cellIs" dxfId="4684" priority="4685" operator="lessThanOrEqual">
      <formula>90</formula>
    </cfRule>
    <cfRule type="cellIs" dxfId="4683" priority="4686" operator="greaterThanOrEqual">
      <formula>110</formula>
    </cfRule>
  </conditionalFormatting>
  <conditionalFormatting sqref="F30">
    <cfRule type="cellIs" dxfId="4682" priority="4681" stopIfTrue="1" operator="equal">
      <formula>0</formula>
    </cfRule>
    <cfRule type="cellIs" dxfId="4681" priority="4682" operator="lessThanOrEqual">
      <formula>90</formula>
    </cfRule>
    <cfRule type="cellIs" dxfId="4680" priority="4683" operator="greaterThanOrEqual">
      <formula>110</formula>
    </cfRule>
  </conditionalFormatting>
  <conditionalFormatting sqref="F31">
    <cfRule type="cellIs" dxfId="4679" priority="4678" stopIfTrue="1" operator="equal">
      <formula>0</formula>
    </cfRule>
    <cfRule type="cellIs" dxfId="4678" priority="4679" operator="lessThanOrEqual">
      <formula>90</formula>
    </cfRule>
    <cfRule type="cellIs" dxfId="4677" priority="4680" operator="greaterThanOrEqual">
      <formula>110</formula>
    </cfRule>
  </conditionalFormatting>
  <conditionalFormatting sqref="F32">
    <cfRule type="cellIs" dxfId="4676" priority="4675" stopIfTrue="1" operator="equal">
      <formula>0</formula>
    </cfRule>
    <cfRule type="cellIs" dxfId="4675" priority="4676" operator="lessThanOrEqual">
      <formula>90</formula>
    </cfRule>
    <cfRule type="cellIs" dxfId="4674" priority="4677" operator="greaterThanOrEqual">
      <formula>110</formula>
    </cfRule>
  </conditionalFormatting>
  <conditionalFormatting sqref="F33">
    <cfRule type="cellIs" dxfId="4673" priority="4672" stopIfTrue="1" operator="equal">
      <formula>0</formula>
    </cfRule>
    <cfRule type="cellIs" dxfId="4672" priority="4673" operator="lessThanOrEqual">
      <formula>90</formula>
    </cfRule>
    <cfRule type="cellIs" dxfId="4671" priority="4674" operator="greaterThanOrEqual">
      <formula>110</formula>
    </cfRule>
  </conditionalFormatting>
  <conditionalFormatting sqref="F34">
    <cfRule type="cellIs" dxfId="4670" priority="4669" stopIfTrue="1" operator="equal">
      <formula>0</formula>
    </cfRule>
    <cfRule type="cellIs" dxfId="4669" priority="4670" operator="lessThanOrEqual">
      <formula>90</formula>
    </cfRule>
    <cfRule type="cellIs" dxfId="4668" priority="4671" operator="greaterThanOrEqual">
      <formula>110</formula>
    </cfRule>
  </conditionalFormatting>
  <conditionalFormatting sqref="F35">
    <cfRule type="cellIs" dxfId="4667" priority="4666" stopIfTrue="1" operator="equal">
      <formula>0</formula>
    </cfRule>
    <cfRule type="cellIs" dxfId="4666" priority="4667" operator="lessThanOrEqual">
      <formula>90</formula>
    </cfRule>
    <cfRule type="cellIs" dxfId="4665" priority="4668" operator="greaterThanOrEqual">
      <formula>110</formula>
    </cfRule>
  </conditionalFormatting>
  <conditionalFormatting sqref="F36">
    <cfRule type="cellIs" dxfId="4664" priority="4663" stopIfTrue="1" operator="equal">
      <formula>0</formula>
    </cfRule>
    <cfRule type="cellIs" dxfId="4663" priority="4664" operator="lessThanOrEqual">
      <formula>90</formula>
    </cfRule>
    <cfRule type="cellIs" dxfId="4662" priority="4665" operator="greaterThanOrEqual">
      <formula>110</formula>
    </cfRule>
  </conditionalFormatting>
  <conditionalFormatting sqref="F37">
    <cfRule type="cellIs" dxfId="4661" priority="4660" stopIfTrue="1" operator="equal">
      <formula>0</formula>
    </cfRule>
    <cfRule type="cellIs" dxfId="4660" priority="4661" operator="lessThanOrEqual">
      <formula>90</formula>
    </cfRule>
    <cfRule type="cellIs" dxfId="4659" priority="4662" operator="greaterThanOrEqual">
      <formula>110</formula>
    </cfRule>
  </conditionalFormatting>
  <conditionalFormatting sqref="F38">
    <cfRule type="cellIs" dxfId="4658" priority="4657" stopIfTrue="1" operator="equal">
      <formula>0</formula>
    </cfRule>
    <cfRule type="cellIs" dxfId="4657" priority="4658" operator="lessThanOrEqual">
      <formula>90</formula>
    </cfRule>
    <cfRule type="cellIs" dxfId="4656" priority="4659" operator="greaterThanOrEqual">
      <formula>110</formula>
    </cfRule>
  </conditionalFormatting>
  <conditionalFormatting sqref="F39">
    <cfRule type="cellIs" dxfId="4655" priority="4654" stopIfTrue="1" operator="equal">
      <formula>0</formula>
    </cfRule>
    <cfRule type="cellIs" dxfId="4654" priority="4655" operator="lessThanOrEqual">
      <formula>90</formula>
    </cfRule>
    <cfRule type="cellIs" dxfId="4653" priority="4656" operator="greaterThanOrEqual">
      <formula>110</formula>
    </cfRule>
  </conditionalFormatting>
  <conditionalFormatting sqref="F40">
    <cfRule type="cellIs" dxfId="4652" priority="4651" stopIfTrue="1" operator="equal">
      <formula>0</formula>
    </cfRule>
    <cfRule type="cellIs" dxfId="4651" priority="4652" operator="lessThanOrEqual">
      <formula>90</formula>
    </cfRule>
    <cfRule type="cellIs" dxfId="4650" priority="4653" operator="greaterThanOrEqual">
      <formula>110</formula>
    </cfRule>
  </conditionalFormatting>
  <conditionalFormatting sqref="F41">
    <cfRule type="cellIs" dxfId="4649" priority="4648" stopIfTrue="1" operator="equal">
      <formula>0</formula>
    </cfRule>
    <cfRule type="cellIs" dxfId="4648" priority="4649" operator="lessThanOrEqual">
      <formula>90</formula>
    </cfRule>
    <cfRule type="cellIs" dxfId="4647" priority="4650" operator="greaterThanOrEqual">
      <formula>110</formula>
    </cfRule>
  </conditionalFormatting>
  <conditionalFormatting sqref="F42">
    <cfRule type="cellIs" dxfId="4646" priority="4645" stopIfTrue="1" operator="equal">
      <formula>0</formula>
    </cfRule>
    <cfRule type="cellIs" dxfId="4645" priority="4646" operator="lessThanOrEqual">
      <formula>90</formula>
    </cfRule>
    <cfRule type="cellIs" dxfId="4644" priority="4647" operator="greaterThanOrEqual">
      <formula>110</formula>
    </cfRule>
  </conditionalFormatting>
  <conditionalFormatting sqref="F43">
    <cfRule type="cellIs" dxfId="4643" priority="4642" stopIfTrue="1" operator="equal">
      <formula>0</formula>
    </cfRule>
    <cfRule type="cellIs" dxfId="4642" priority="4643" operator="lessThanOrEqual">
      <formula>90</formula>
    </cfRule>
    <cfRule type="cellIs" dxfId="4641" priority="4644" operator="greaterThanOrEqual">
      <formula>110</formula>
    </cfRule>
  </conditionalFormatting>
  <conditionalFormatting sqref="F44">
    <cfRule type="cellIs" dxfId="4640" priority="4639" stopIfTrue="1" operator="equal">
      <formula>0</formula>
    </cfRule>
    <cfRule type="cellIs" dxfId="4639" priority="4640" operator="lessThanOrEqual">
      <formula>90</formula>
    </cfRule>
    <cfRule type="cellIs" dxfId="4638" priority="4641" operator="greaterThanOrEqual">
      <formula>110</formula>
    </cfRule>
  </conditionalFormatting>
  <conditionalFormatting sqref="F45">
    <cfRule type="cellIs" dxfId="4637" priority="4636" stopIfTrue="1" operator="equal">
      <formula>0</formula>
    </cfRule>
    <cfRule type="cellIs" dxfId="4636" priority="4637" operator="lessThanOrEqual">
      <formula>90</formula>
    </cfRule>
    <cfRule type="cellIs" dxfId="4635" priority="4638" operator="greaterThanOrEqual">
      <formula>110</formula>
    </cfRule>
  </conditionalFormatting>
  <conditionalFormatting sqref="F46">
    <cfRule type="cellIs" dxfId="4634" priority="4633" stopIfTrue="1" operator="equal">
      <formula>0</formula>
    </cfRule>
    <cfRule type="cellIs" dxfId="4633" priority="4634" operator="lessThanOrEqual">
      <formula>90</formula>
    </cfRule>
    <cfRule type="cellIs" dxfId="4632" priority="4635" operator="greaterThanOrEqual">
      <formula>110</formula>
    </cfRule>
  </conditionalFormatting>
  <conditionalFormatting sqref="F47">
    <cfRule type="cellIs" dxfId="4631" priority="4630" stopIfTrue="1" operator="equal">
      <formula>0</formula>
    </cfRule>
    <cfRule type="cellIs" dxfId="4630" priority="4631" operator="lessThanOrEqual">
      <formula>90</formula>
    </cfRule>
    <cfRule type="cellIs" dxfId="4629" priority="4632" operator="greaterThanOrEqual">
      <formula>110</formula>
    </cfRule>
  </conditionalFormatting>
  <conditionalFormatting sqref="F48">
    <cfRule type="cellIs" dxfId="4628" priority="4627" stopIfTrue="1" operator="equal">
      <formula>0</formula>
    </cfRule>
    <cfRule type="cellIs" dxfId="4627" priority="4628" operator="lessThanOrEqual">
      <formula>90</formula>
    </cfRule>
    <cfRule type="cellIs" dxfId="4626" priority="4629" operator="greaterThanOrEqual">
      <formula>110</formula>
    </cfRule>
  </conditionalFormatting>
  <conditionalFormatting sqref="F49">
    <cfRule type="cellIs" dxfId="4625" priority="4624" stopIfTrue="1" operator="equal">
      <formula>0</formula>
    </cfRule>
    <cfRule type="cellIs" dxfId="4624" priority="4625" operator="lessThanOrEqual">
      <formula>90</formula>
    </cfRule>
    <cfRule type="cellIs" dxfId="4623" priority="4626" operator="greaterThanOrEqual">
      <formula>110</formula>
    </cfRule>
  </conditionalFormatting>
  <conditionalFormatting sqref="F50">
    <cfRule type="cellIs" dxfId="4622" priority="4621" stopIfTrue="1" operator="equal">
      <formula>0</formula>
    </cfRule>
    <cfRule type="cellIs" dxfId="4621" priority="4622" operator="lessThanOrEqual">
      <formula>90</formula>
    </cfRule>
    <cfRule type="cellIs" dxfId="4620" priority="4623" operator="greaterThanOrEqual">
      <formula>110</formula>
    </cfRule>
  </conditionalFormatting>
  <conditionalFormatting sqref="F51">
    <cfRule type="cellIs" dxfId="4619" priority="4618" stopIfTrue="1" operator="equal">
      <formula>0</formula>
    </cfRule>
    <cfRule type="cellIs" dxfId="4618" priority="4619" operator="lessThanOrEqual">
      <formula>90</formula>
    </cfRule>
    <cfRule type="cellIs" dxfId="4617" priority="4620" operator="greaterThanOrEqual">
      <formula>110</formula>
    </cfRule>
  </conditionalFormatting>
  <conditionalFormatting sqref="F52">
    <cfRule type="cellIs" dxfId="4616" priority="4615" stopIfTrue="1" operator="equal">
      <formula>0</formula>
    </cfRule>
    <cfRule type="cellIs" dxfId="4615" priority="4616" operator="lessThanOrEqual">
      <formula>90</formula>
    </cfRule>
    <cfRule type="cellIs" dxfId="4614" priority="4617" operator="greaterThanOrEqual">
      <formula>110</formula>
    </cfRule>
  </conditionalFormatting>
  <conditionalFormatting sqref="F53">
    <cfRule type="cellIs" dxfId="4613" priority="4612" stopIfTrue="1" operator="equal">
      <formula>0</formula>
    </cfRule>
    <cfRule type="cellIs" dxfId="4612" priority="4613" operator="lessThanOrEqual">
      <formula>90</formula>
    </cfRule>
    <cfRule type="cellIs" dxfId="4611" priority="4614" operator="greaterThanOrEqual">
      <formula>110</formula>
    </cfRule>
  </conditionalFormatting>
  <conditionalFormatting sqref="F54">
    <cfRule type="cellIs" dxfId="4610" priority="4609" stopIfTrue="1" operator="equal">
      <formula>0</formula>
    </cfRule>
    <cfRule type="cellIs" dxfId="4609" priority="4610" operator="lessThanOrEqual">
      <formula>90</formula>
    </cfRule>
    <cfRule type="cellIs" dxfId="4608" priority="4611" operator="greaterThanOrEqual">
      <formula>110</formula>
    </cfRule>
  </conditionalFormatting>
  <conditionalFormatting sqref="F55">
    <cfRule type="cellIs" dxfId="4607" priority="4606" stopIfTrue="1" operator="equal">
      <formula>0</formula>
    </cfRule>
    <cfRule type="cellIs" dxfId="4606" priority="4607" operator="lessThanOrEqual">
      <formula>90</formula>
    </cfRule>
    <cfRule type="cellIs" dxfId="4605" priority="4608" operator="greaterThanOrEqual">
      <formula>110</formula>
    </cfRule>
  </conditionalFormatting>
  <conditionalFormatting sqref="F56">
    <cfRule type="cellIs" dxfId="4604" priority="4603" stopIfTrue="1" operator="equal">
      <formula>0</formula>
    </cfRule>
    <cfRule type="cellIs" dxfId="4603" priority="4604" operator="lessThanOrEqual">
      <formula>90</formula>
    </cfRule>
    <cfRule type="cellIs" dxfId="4602" priority="4605" operator="greaterThanOrEqual">
      <formula>110</formula>
    </cfRule>
  </conditionalFormatting>
  <conditionalFormatting sqref="F57">
    <cfRule type="cellIs" dxfId="4601" priority="4600" stopIfTrue="1" operator="equal">
      <formula>0</formula>
    </cfRule>
    <cfRule type="cellIs" dxfId="4600" priority="4601" operator="lessThanOrEqual">
      <formula>90</formula>
    </cfRule>
    <cfRule type="cellIs" dxfId="4599" priority="4602" operator="greaterThanOrEqual">
      <formula>110</formula>
    </cfRule>
  </conditionalFormatting>
  <conditionalFormatting sqref="F58">
    <cfRule type="cellIs" dxfId="4598" priority="4597" stopIfTrue="1" operator="equal">
      <formula>0</formula>
    </cfRule>
    <cfRule type="cellIs" dxfId="4597" priority="4598" operator="lessThanOrEqual">
      <formula>90</formula>
    </cfRule>
    <cfRule type="cellIs" dxfId="4596" priority="4599" operator="greaterThanOrEqual">
      <formula>110</formula>
    </cfRule>
  </conditionalFormatting>
  <conditionalFormatting sqref="F59">
    <cfRule type="cellIs" dxfId="4595" priority="4594" stopIfTrue="1" operator="equal">
      <formula>0</formula>
    </cfRule>
    <cfRule type="cellIs" dxfId="4594" priority="4595" operator="lessThanOrEqual">
      <formula>90</formula>
    </cfRule>
    <cfRule type="cellIs" dxfId="4593" priority="4596" operator="greaterThanOrEqual">
      <formula>110</formula>
    </cfRule>
  </conditionalFormatting>
  <conditionalFormatting sqref="F60">
    <cfRule type="cellIs" dxfId="4592" priority="4591" stopIfTrue="1" operator="equal">
      <formula>0</formula>
    </cfRule>
    <cfRule type="cellIs" dxfId="4591" priority="4592" operator="lessThanOrEqual">
      <formula>90</formula>
    </cfRule>
    <cfRule type="cellIs" dxfId="4590" priority="4593" operator="greaterThanOrEqual">
      <formula>110</formula>
    </cfRule>
  </conditionalFormatting>
  <conditionalFormatting sqref="F61">
    <cfRule type="cellIs" dxfId="4589" priority="4588" stopIfTrue="1" operator="equal">
      <formula>0</formula>
    </cfRule>
    <cfRule type="cellIs" dxfId="4588" priority="4589" operator="lessThanOrEqual">
      <formula>90</formula>
    </cfRule>
    <cfRule type="cellIs" dxfId="4587" priority="4590" operator="greaterThanOrEqual">
      <formula>110</formula>
    </cfRule>
  </conditionalFormatting>
  <conditionalFormatting sqref="F62">
    <cfRule type="cellIs" dxfId="4586" priority="4585" stopIfTrue="1" operator="equal">
      <formula>0</formula>
    </cfRule>
    <cfRule type="cellIs" dxfId="4585" priority="4586" operator="lessThanOrEqual">
      <formula>90</formula>
    </cfRule>
    <cfRule type="cellIs" dxfId="4584" priority="4587" operator="greaterThanOrEqual">
      <formula>110</formula>
    </cfRule>
  </conditionalFormatting>
  <conditionalFormatting sqref="F63">
    <cfRule type="cellIs" dxfId="4583" priority="4582" stopIfTrue="1" operator="equal">
      <formula>0</formula>
    </cfRule>
    <cfRule type="cellIs" dxfId="4582" priority="4583" operator="lessThanOrEqual">
      <formula>90</formula>
    </cfRule>
    <cfRule type="cellIs" dxfId="4581" priority="4584" operator="greaterThanOrEqual">
      <formula>110</formula>
    </cfRule>
  </conditionalFormatting>
  <conditionalFormatting sqref="F64">
    <cfRule type="cellIs" dxfId="4580" priority="4579" stopIfTrue="1" operator="equal">
      <formula>0</formula>
    </cfRule>
    <cfRule type="cellIs" dxfId="4579" priority="4580" operator="lessThanOrEqual">
      <formula>90</formula>
    </cfRule>
    <cfRule type="cellIs" dxfId="4578" priority="4581" operator="greaterThanOrEqual">
      <formula>110</formula>
    </cfRule>
  </conditionalFormatting>
  <conditionalFormatting sqref="F65">
    <cfRule type="cellIs" dxfId="4577" priority="4576" stopIfTrue="1" operator="equal">
      <formula>0</formula>
    </cfRule>
    <cfRule type="cellIs" dxfId="4576" priority="4577" operator="lessThanOrEqual">
      <formula>90</formula>
    </cfRule>
    <cfRule type="cellIs" dxfId="4575" priority="4578" operator="greaterThanOrEqual">
      <formula>110</formula>
    </cfRule>
  </conditionalFormatting>
  <conditionalFormatting sqref="G5">
    <cfRule type="cellIs" dxfId="4574" priority="4573" stopIfTrue="1" operator="equal">
      <formula>0</formula>
    </cfRule>
    <cfRule type="cellIs" dxfId="4573" priority="4574" operator="lessThanOrEqual">
      <formula>90</formula>
    </cfRule>
    <cfRule type="cellIs" dxfId="4572" priority="4575" operator="greaterThanOrEqual">
      <formula>110</formula>
    </cfRule>
  </conditionalFormatting>
  <conditionalFormatting sqref="G6">
    <cfRule type="cellIs" dxfId="4571" priority="4570" stopIfTrue="1" operator="equal">
      <formula>0</formula>
    </cfRule>
    <cfRule type="cellIs" dxfId="4570" priority="4571" operator="lessThanOrEqual">
      <formula>90</formula>
    </cfRule>
    <cfRule type="cellIs" dxfId="4569" priority="4572" operator="greaterThanOrEqual">
      <formula>110</formula>
    </cfRule>
  </conditionalFormatting>
  <conditionalFormatting sqref="G7">
    <cfRule type="cellIs" dxfId="4568" priority="4567" stopIfTrue="1" operator="equal">
      <formula>0</formula>
    </cfRule>
    <cfRule type="cellIs" dxfId="4567" priority="4568" operator="lessThanOrEqual">
      <formula>90</formula>
    </cfRule>
    <cfRule type="cellIs" dxfId="4566" priority="4569" operator="greaterThanOrEqual">
      <formula>110</formula>
    </cfRule>
  </conditionalFormatting>
  <conditionalFormatting sqref="G8">
    <cfRule type="cellIs" dxfId="4565" priority="4564" stopIfTrue="1" operator="equal">
      <formula>0</formula>
    </cfRule>
    <cfRule type="cellIs" dxfId="4564" priority="4565" operator="lessThanOrEqual">
      <formula>90</formula>
    </cfRule>
    <cfRule type="cellIs" dxfId="4563" priority="4566" operator="greaterThanOrEqual">
      <formula>110</formula>
    </cfRule>
  </conditionalFormatting>
  <conditionalFormatting sqref="G9">
    <cfRule type="cellIs" dxfId="4562" priority="4561" stopIfTrue="1" operator="equal">
      <formula>0</formula>
    </cfRule>
    <cfRule type="cellIs" dxfId="4561" priority="4562" operator="lessThanOrEqual">
      <formula>90</formula>
    </cfRule>
    <cfRule type="cellIs" dxfId="4560" priority="4563" operator="greaterThanOrEqual">
      <formula>110</formula>
    </cfRule>
  </conditionalFormatting>
  <conditionalFormatting sqref="G10">
    <cfRule type="cellIs" dxfId="4559" priority="4558" stopIfTrue="1" operator="equal">
      <formula>0</formula>
    </cfRule>
    <cfRule type="cellIs" dxfId="4558" priority="4559" operator="lessThanOrEqual">
      <formula>90</formula>
    </cfRule>
    <cfRule type="cellIs" dxfId="4557" priority="4560" operator="greaterThanOrEqual">
      <formula>110</formula>
    </cfRule>
  </conditionalFormatting>
  <conditionalFormatting sqref="G11">
    <cfRule type="cellIs" dxfId="4556" priority="4555" stopIfTrue="1" operator="equal">
      <formula>0</formula>
    </cfRule>
    <cfRule type="cellIs" dxfId="4555" priority="4556" operator="lessThanOrEqual">
      <formula>90</formula>
    </cfRule>
    <cfRule type="cellIs" dxfId="4554" priority="4557" operator="greaterThanOrEqual">
      <formula>110</formula>
    </cfRule>
  </conditionalFormatting>
  <conditionalFormatting sqref="G12">
    <cfRule type="cellIs" dxfId="4553" priority="4552" stopIfTrue="1" operator="equal">
      <formula>0</formula>
    </cfRule>
    <cfRule type="cellIs" dxfId="4552" priority="4553" operator="lessThanOrEqual">
      <formula>90</formula>
    </cfRule>
    <cfRule type="cellIs" dxfId="4551" priority="4554" operator="greaterThanOrEqual">
      <formula>110</formula>
    </cfRule>
  </conditionalFormatting>
  <conditionalFormatting sqref="G13">
    <cfRule type="cellIs" dxfId="4550" priority="4549" stopIfTrue="1" operator="equal">
      <formula>0</formula>
    </cfRule>
    <cfRule type="cellIs" dxfId="4549" priority="4550" operator="lessThanOrEqual">
      <formula>90</formula>
    </cfRule>
    <cfRule type="cellIs" dxfId="4548" priority="4551" operator="greaterThanOrEqual">
      <formula>110</formula>
    </cfRule>
  </conditionalFormatting>
  <conditionalFormatting sqref="G14">
    <cfRule type="cellIs" dxfId="4547" priority="4546" stopIfTrue="1" operator="equal">
      <formula>0</formula>
    </cfRule>
    <cfRule type="cellIs" dxfId="4546" priority="4547" operator="lessThanOrEqual">
      <formula>90</formula>
    </cfRule>
    <cfRule type="cellIs" dxfId="4545" priority="4548" operator="greaterThanOrEqual">
      <formula>110</formula>
    </cfRule>
  </conditionalFormatting>
  <conditionalFormatting sqref="G15">
    <cfRule type="cellIs" dxfId="4544" priority="4543" stopIfTrue="1" operator="equal">
      <formula>0</formula>
    </cfRule>
    <cfRule type="cellIs" dxfId="4543" priority="4544" operator="lessThanOrEqual">
      <formula>90</formula>
    </cfRule>
    <cfRule type="cellIs" dxfId="4542" priority="4545" operator="greaterThanOrEqual">
      <formula>110</formula>
    </cfRule>
  </conditionalFormatting>
  <conditionalFormatting sqref="G16">
    <cfRule type="cellIs" dxfId="4541" priority="4540" stopIfTrue="1" operator="equal">
      <formula>0</formula>
    </cfRule>
    <cfRule type="cellIs" dxfId="4540" priority="4541" operator="lessThanOrEqual">
      <formula>90</formula>
    </cfRule>
    <cfRule type="cellIs" dxfId="4539" priority="4542" operator="greaterThanOrEqual">
      <formula>110</formula>
    </cfRule>
  </conditionalFormatting>
  <conditionalFormatting sqref="G17">
    <cfRule type="cellIs" dxfId="4538" priority="4537" stopIfTrue="1" operator="equal">
      <formula>0</formula>
    </cfRule>
    <cfRule type="cellIs" dxfId="4537" priority="4538" operator="lessThanOrEqual">
      <formula>90</formula>
    </cfRule>
    <cfRule type="cellIs" dxfId="4536" priority="4539" operator="greaterThanOrEqual">
      <formula>110</formula>
    </cfRule>
  </conditionalFormatting>
  <conditionalFormatting sqref="G18">
    <cfRule type="cellIs" dxfId="4535" priority="4534" stopIfTrue="1" operator="equal">
      <formula>0</formula>
    </cfRule>
    <cfRule type="cellIs" dxfId="4534" priority="4535" operator="lessThanOrEqual">
      <formula>90</formula>
    </cfRule>
    <cfRule type="cellIs" dxfId="4533" priority="4536" operator="greaterThanOrEqual">
      <formula>110</formula>
    </cfRule>
  </conditionalFormatting>
  <conditionalFormatting sqref="G19">
    <cfRule type="cellIs" dxfId="4532" priority="4531" stopIfTrue="1" operator="equal">
      <formula>0</formula>
    </cfRule>
    <cfRule type="cellIs" dxfId="4531" priority="4532" operator="lessThanOrEqual">
      <formula>90</formula>
    </cfRule>
    <cfRule type="cellIs" dxfId="4530" priority="4533" operator="greaterThanOrEqual">
      <formula>110</formula>
    </cfRule>
  </conditionalFormatting>
  <conditionalFormatting sqref="G20">
    <cfRule type="cellIs" dxfId="4529" priority="4528" stopIfTrue="1" operator="equal">
      <formula>0</formula>
    </cfRule>
    <cfRule type="cellIs" dxfId="4528" priority="4529" operator="lessThanOrEqual">
      <formula>90</formula>
    </cfRule>
    <cfRule type="cellIs" dxfId="4527" priority="4530" operator="greaterThanOrEqual">
      <formula>110</formula>
    </cfRule>
  </conditionalFormatting>
  <conditionalFormatting sqref="G21">
    <cfRule type="cellIs" dxfId="4526" priority="4525" stopIfTrue="1" operator="equal">
      <formula>0</formula>
    </cfRule>
    <cfRule type="cellIs" dxfId="4525" priority="4526" operator="lessThanOrEqual">
      <formula>90</formula>
    </cfRule>
    <cfRule type="cellIs" dxfId="4524" priority="4527" operator="greaterThanOrEqual">
      <formula>110</formula>
    </cfRule>
  </conditionalFormatting>
  <conditionalFormatting sqref="G22">
    <cfRule type="cellIs" dxfId="4523" priority="4522" stopIfTrue="1" operator="equal">
      <formula>0</formula>
    </cfRule>
    <cfRule type="cellIs" dxfId="4522" priority="4523" operator="lessThanOrEqual">
      <formula>90</formula>
    </cfRule>
    <cfRule type="cellIs" dxfId="4521" priority="4524" operator="greaterThanOrEqual">
      <formula>110</formula>
    </cfRule>
  </conditionalFormatting>
  <conditionalFormatting sqref="G23">
    <cfRule type="cellIs" dxfId="4520" priority="4519" stopIfTrue="1" operator="equal">
      <formula>0</formula>
    </cfRule>
    <cfRule type="cellIs" dxfId="4519" priority="4520" operator="lessThanOrEqual">
      <formula>90</formula>
    </cfRule>
    <cfRule type="cellIs" dxfId="4518" priority="4521" operator="greaterThanOrEqual">
      <formula>110</formula>
    </cfRule>
  </conditionalFormatting>
  <conditionalFormatting sqref="G24">
    <cfRule type="cellIs" dxfId="4517" priority="4516" stopIfTrue="1" operator="equal">
      <formula>0</formula>
    </cfRule>
    <cfRule type="cellIs" dxfId="4516" priority="4517" operator="lessThanOrEqual">
      <formula>90</formula>
    </cfRule>
    <cfRule type="cellIs" dxfId="4515" priority="4518" operator="greaterThanOrEqual">
      <formula>110</formula>
    </cfRule>
  </conditionalFormatting>
  <conditionalFormatting sqref="G25">
    <cfRule type="cellIs" dxfId="4514" priority="4513" stopIfTrue="1" operator="equal">
      <formula>0</formula>
    </cfRule>
    <cfRule type="cellIs" dxfId="4513" priority="4514" operator="lessThanOrEqual">
      <formula>90</formula>
    </cfRule>
    <cfRule type="cellIs" dxfId="4512" priority="4515" operator="greaterThanOrEqual">
      <formula>110</formula>
    </cfRule>
  </conditionalFormatting>
  <conditionalFormatting sqref="G26">
    <cfRule type="cellIs" dxfId="4511" priority="4510" stopIfTrue="1" operator="equal">
      <formula>0</formula>
    </cfRule>
    <cfRule type="cellIs" dxfId="4510" priority="4511" operator="lessThanOrEqual">
      <formula>90</formula>
    </cfRule>
    <cfRule type="cellIs" dxfId="4509" priority="4512" operator="greaterThanOrEqual">
      <formula>110</formula>
    </cfRule>
  </conditionalFormatting>
  <conditionalFormatting sqref="G27">
    <cfRule type="cellIs" dxfId="4508" priority="4507" stopIfTrue="1" operator="equal">
      <formula>0</formula>
    </cfRule>
    <cfRule type="cellIs" dxfId="4507" priority="4508" operator="lessThanOrEqual">
      <formula>90</formula>
    </cfRule>
    <cfRule type="cellIs" dxfId="4506" priority="4509" operator="greaterThanOrEqual">
      <formula>110</formula>
    </cfRule>
  </conditionalFormatting>
  <conditionalFormatting sqref="G28">
    <cfRule type="cellIs" dxfId="4505" priority="4504" stopIfTrue="1" operator="equal">
      <formula>0</formula>
    </cfRule>
    <cfRule type="cellIs" dxfId="4504" priority="4505" operator="lessThanOrEqual">
      <formula>90</formula>
    </cfRule>
    <cfRule type="cellIs" dxfId="4503" priority="4506" operator="greaterThanOrEqual">
      <formula>110</formula>
    </cfRule>
  </conditionalFormatting>
  <conditionalFormatting sqref="G29">
    <cfRule type="cellIs" dxfId="4502" priority="4501" stopIfTrue="1" operator="equal">
      <formula>0</formula>
    </cfRule>
    <cfRule type="cellIs" dxfId="4501" priority="4502" operator="lessThanOrEqual">
      <formula>90</formula>
    </cfRule>
    <cfRule type="cellIs" dxfId="4500" priority="4503" operator="greaterThanOrEqual">
      <formula>110</formula>
    </cfRule>
  </conditionalFormatting>
  <conditionalFormatting sqref="G30">
    <cfRule type="cellIs" dxfId="4499" priority="4498" stopIfTrue="1" operator="equal">
      <formula>0</formula>
    </cfRule>
    <cfRule type="cellIs" dxfId="4498" priority="4499" operator="lessThanOrEqual">
      <formula>90</formula>
    </cfRule>
    <cfRule type="cellIs" dxfId="4497" priority="4500" operator="greaterThanOrEqual">
      <formula>110</formula>
    </cfRule>
  </conditionalFormatting>
  <conditionalFormatting sqref="G31">
    <cfRule type="cellIs" dxfId="4496" priority="4495" stopIfTrue="1" operator="equal">
      <formula>0</formula>
    </cfRule>
    <cfRule type="cellIs" dxfId="4495" priority="4496" operator="lessThanOrEqual">
      <formula>90</formula>
    </cfRule>
    <cfRule type="cellIs" dxfId="4494" priority="4497" operator="greaterThanOrEqual">
      <formula>110</formula>
    </cfRule>
  </conditionalFormatting>
  <conditionalFormatting sqref="G32">
    <cfRule type="cellIs" dxfId="4493" priority="4492" stopIfTrue="1" operator="equal">
      <formula>0</formula>
    </cfRule>
    <cfRule type="cellIs" dxfId="4492" priority="4493" operator="lessThanOrEqual">
      <formula>90</formula>
    </cfRule>
    <cfRule type="cellIs" dxfId="4491" priority="4494" operator="greaterThanOrEqual">
      <formula>110</formula>
    </cfRule>
  </conditionalFormatting>
  <conditionalFormatting sqref="G33">
    <cfRule type="cellIs" dxfId="4490" priority="4489" stopIfTrue="1" operator="equal">
      <formula>0</formula>
    </cfRule>
    <cfRule type="cellIs" dxfId="4489" priority="4490" operator="lessThanOrEqual">
      <formula>90</formula>
    </cfRule>
    <cfRule type="cellIs" dxfId="4488" priority="4491" operator="greaterThanOrEqual">
      <formula>110</formula>
    </cfRule>
  </conditionalFormatting>
  <conditionalFormatting sqref="G34">
    <cfRule type="cellIs" dxfId="4487" priority="4486" stopIfTrue="1" operator="equal">
      <formula>0</formula>
    </cfRule>
    <cfRule type="cellIs" dxfId="4486" priority="4487" operator="lessThanOrEqual">
      <formula>90</formula>
    </cfRule>
    <cfRule type="cellIs" dxfId="4485" priority="4488" operator="greaterThanOrEqual">
      <formula>110</formula>
    </cfRule>
  </conditionalFormatting>
  <conditionalFormatting sqref="G35">
    <cfRule type="cellIs" dxfId="4484" priority="4483" stopIfTrue="1" operator="equal">
      <formula>0</formula>
    </cfRule>
    <cfRule type="cellIs" dxfId="4483" priority="4484" operator="lessThanOrEqual">
      <formula>90</formula>
    </cfRule>
    <cfRule type="cellIs" dxfId="4482" priority="4485" operator="greaterThanOrEqual">
      <formula>110</formula>
    </cfRule>
  </conditionalFormatting>
  <conditionalFormatting sqref="G36">
    <cfRule type="cellIs" dxfId="4481" priority="4480" stopIfTrue="1" operator="equal">
      <formula>0</formula>
    </cfRule>
    <cfRule type="cellIs" dxfId="4480" priority="4481" operator="lessThanOrEqual">
      <formula>90</formula>
    </cfRule>
    <cfRule type="cellIs" dxfId="4479" priority="4482" operator="greaterThanOrEqual">
      <formula>110</formula>
    </cfRule>
  </conditionalFormatting>
  <conditionalFormatting sqref="G37">
    <cfRule type="cellIs" dxfId="4478" priority="4477" stopIfTrue="1" operator="equal">
      <formula>0</formula>
    </cfRule>
    <cfRule type="cellIs" dxfId="4477" priority="4478" operator="lessThanOrEqual">
      <formula>90</formula>
    </cfRule>
    <cfRule type="cellIs" dxfId="4476" priority="4479" operator="greaterThanOrEqual">
      <formula>110</formula>
    </cfRule>
  </conditionalFormatting>
  <conditionalFormatting sqref="G38">
    <cfRule type="cellIs" dxfId="4475" priority="4474" stopIfTrue="1" operator="equal">
      <formula>0</formula>
    </cfRule>
    <cfRule type="cellIs" dxfId="4474" priority="4475" operator="lessThanOrEqual">
      <formula>90</formula>
    </cfRule>
    <cfRule type="cellIs" dxfId="4473" priority="4476" operator="greaterThanOrEqual">
      <formula>110</formula>
    </cfRule>
  </conditionalFormatting>
  <conditionalFormatting sqref="G39">
    <cfRule type="cellIs" dxfId="4472" priority="4471" stopIfTrue="1" operator="equal">
      <formula>0</formula>
    </cfRule>
    <cfRule type="cellIs" dxfId="4471" priority="4472" operator="lessThanOrEqual">
      <formula>90</formula>
    </cfRule>
    <cfRule type="cellIs" dxfId="4470" priority="4473" operator="greaterThanOrEqual">
      <formula>110</formula>
    </cfRule>
  </conditionalFormatting>
  <conditionalFormatting sqref="G40">
    <cfRule type="cellIs" dxfId="4469" priority="4468" stopIfTrue="1" operator="equal">
      <formula>0</formula>
    </cfRule>
    <cfRule type="cellIs" dxfId="4468" priority="4469" operator="lessThanOrEqual">
      <formula>90</formula>
    </cfRule>
    <cfRule type="cellIs" dxfId="4467" priority="4470" operator="greaterThanOrEqual">
      <formula>110</formula>
    </cfRule>
  </conditionalFormatting>
  <conditionalFormatting sqref="G41">
    <cfRule type="cellIs" dxfId="4466" priority="4465" stopIfTrue="1" operator="equal">
      <formula>0</formula>
    </cfRule>
    <cfRule type="cellIs" dxfId="4465" priority="4466" operator="lessThanOrEqual">
      <formula>90</formula>
    </cfRule>
    <cfRule type="cellIs" dxfId="4464" priority="4467" operator="greaterThanOrEqual">
      <formula>110</formula>
    </cfRule>
  </conditionalFormatting>
  <conditionalFormatting sqref="G42">
    <cfRule type="cellIs" dxfId="4463" priority="4462" stopIfTrue="1" operator="equal">
      <formula>0</formula>
    </cfRule>
    <cfRule type="cellIs" dxfId="4462" priority="4463" operator="lessThanOrEqual">
      <formula>90</formula>
    </cfRule>
    <cfRule type="cellIs" dxfId="4461" priority="4464" operator="greaterThanOrEqual">
      <formula>110</formula>
    </cfRule>
  </conditionalFormatting>
  <conditionalFormatting sqref="G43">
    <cfRule type="cellIs" dxfId="4460" priority="4459" stopIfTrue="1" operator="equal">
      <formula>0</formula>
    </cfRule>
    <cfRule type="cellIs" dxfId="4459" priority="4460" operator="lessThanOrEqual">
      <formula>90</formula>
    </cfRule>
    <cfRule type="cellIs" dxfId="4458" priority="4461" operator="greaterThanOrEqual">
      <formula>110</formula>
    </cfRule>
  </conditionalFormatting>
  <conditionalFormatting sqref="G44">
    <cfRule type="cellIs" dxfId="4457" priority="4456" stopIfTrue="1" operator="equal">
      <formula>0</formula>
    </cfRule>
    <cfRule type="cellIs" dxfId="4456" priority="4457" operator="lessThanOrEqual">
      <formula>90</formula>
    </cfRule>
    <cfRule type="cellIs" dxfId="4455" priority="4458" operator="greaterThanOrEqual">
      <formula>110</formula>
    </cfRule>
  </conditionalFormatting>
  <conditionalFormatting sqref="G45">
    <cfRule type="cellIs" dxfId="4454" priority="4453" stopIfTrue="1" operator="equal">
      <formula>0</formula>
    </cfRule>
    <cfRule type="cellIs" dxfId="4453" priority="4454" operator="lessThanOrEqual">
      <formula>90</formula>
    </cfRule>
    <cfRule type="cellIs" dxfId="4452" priority="4455" operator="greaterThanOrEqual">
      <formula>110</formula>
    </cfRule>
  </conditionalFormatting>
  <conditionalFormatting sqref="G46">
    <cfRule type="cellIs" dxfId="4451" priority="4450" stopIfTrue="1" operator="equal">
      <formula>0</formula>
    </cfRule>
    <cfRule type="cellIs" dxfId="4450" priority="4451" operator="lessThanOrEqual">
      <formula>90</formula>
    </cfRule>
    <cfRule type="cellIs" dxfId="4449" priority="4452" operator="greaterThanOrEqual">
      <formula>110</formula>
    </cfRule>
  </conditionalFormatting>
  <conditionalFormatting sqref="G47">
    <cfRule type="cellIs" dxfId="4448" priority="4447" stopIfTrue="1" operator="equal">
      <formula>0</formula>
    </cfRule>
    <cfRule type="cellIs" dxfId="4447" priority="4448" operator="lessThanOrEqual">
      <formula>90</formula>
    </cfRule>
    <cfRule type="cellIs" dxfId="4446" priority="4449" operator="greaterThanOrEqual">
      <formula>110</formula>
    </cfRule>
  </conditionalFormatting>
  <conditionalFormatting sqref="G48">
    <cfRule type="cellIs" dxfId="4445" priority="4444" stopIfTrue="1" operator="equal">
      <formula>0</formula>
    </cfRule>
    <cfRule type="cellIs" dxfId="4444" priority="4445" operator="lessThanOrEqual">
      <formula>90</formula>
    </cfRule>
    <cfRule type="cellIs" dxfId="4443" priority="4446" operator="greaterThanOrEqual">
      <formula>110</formula>
    </cfRule>
  </conditionalFormatting>
  <conditionalFormatting sqref="G49">
    <cfRule type="cellIs" dxfId="4442" priority="4441" stopIfTrue="1" operator="equal">
      <formula>0</formula>
    </cfRule>
    <cfRule type="cellIs" dxfId="4441" priority="4442" operator="lessThanOrEqual">
      <formula>90</formula>
    </cfRule>
    <cfRule type="cellIs" dxfId="4440" priority="4443" operator="greaterThanOrEqual">
      <formula>110</formula>
    </cfRule>
  </conditionalFormatting>
  <conditionalFormatting sqref="G50">
    <cfRule type="cellIs" dxfId="4439" priority="4438" stopIfTrue="1" operator="equal">
      <formula>0</formula>
    </cfRule>
    <cfRule type="cellIs" dxfId="4438" priority="4439" operator="lessThanOrEqual">
      <formula>90</formula>
    </cfRule>
    <cfRule type="cellIs" dxfId="4437" priority="4440" operator="greaterThanOrEqual">
      <formula>110</formula>
    </cfRule>
  </conditionalFormatting>
  <conditionalFormatting sqref="G51">
    <cfRule type="cellIs" dxfId="4436" priority="4435" stopIfTrue="1" operator="equal">
      <formula>0</formula>
    </cfRule>
    <cfRule type="cellIs" dxfId="4435" priority="4436" operator="lessThanOrEqual">
      <formula>90</formula>
    </cfRule>
    <cfRule type="cellIs" dxfId="4434" priority="4437" operator="greaterThanOrEqual">
      <formula>110</formula>
    </cfRule>
  </conditionalFormatting>
  <conditionalFormatting sqref="G52">
    <cfRule type="cellIs" dxfId="4433" priority="4432" stopIfTrue="1" operator="equal">
      <formula>0</formula>
    </cfRule>
    <cfRule type="cellIs" dxfId="4432" priority="4433" operator="lessThanOrEqual">
      <formula>90</formula>
    </cfRule>
    <cfRule type="cellIs" dxfId="4431" priority="4434" operator="greaterThanOrEqual">
      <formula>110</formula>
    </cfRule>
  </conditionalFormatting>
  <conditionalFormatting sqref="G53">
    <cfRule type="cellIs" dxfId="4430" priority="4429" stopIfTrue="1" operator="equal">
      <formula>0</formula>
    </cfRule>
    <cfRule type="cellIs" dxfId="4429" priority="4430" operator="lessThanOrEqual">
      <formula>90</formula>
    </cfRule>
    <cfRule type="cellIs" dxfId="4428" priority="4431" operator="greaterThanOrEqual">
      <formula>110</formula>
    </cfRule>
  </conditionalFormatting>
  <conditionalFormatting sqref="G54">
    <cfRule type="cellIs" dxfId="4427" priority="4426" stopIfTrue="1" operator="equal">
      <formula>0</formula>
    </cfRule>
    <cfRule type="cellIs" dxfId="4426" priority="4427" operator="lessThanOrEqual">
      <formula>90</formula>
    </cfRule>
    <cfRule type="cellIs" dxfId="4425" priority="4428" operator="greaterThanOrEqual">
      <formula>110</formula>
    </cfRule>
  </conditionalFormatting>
  <conditionalFormatting sqref="G55">
    <cfRule type="cellIs" dxfId="4424" priority="4423" stopIfTrue="1" operator="equal">
      <formula>0</formula>
    </cfRule>
    <cfRule type="cellIs" dxfId="4423" priority="4424" operator="lessThanOrEqual">
      <formula>90</formula>
    </cfRule>
    <cfRule type="cellIs" dxfId="4422" priority="4425" operator="greaterThanOrEqual">
      <formula>110</formula>
    </cfRule>
  </conditionalFormatting>
  <conditionalFormatting sqref="G56">
    <cfRule type="cellIs" dxfId="4421" priority="4420" stopIfTrue="1" operator="equal">
      <formula>0</formula>
    </cfRule>
    <cfRule type="cellIs" dxfId="4420" priority="4421" operator="lessThanOrEqual">
      <formula>90</formula>
    </cfRule>
    <cfRule type="cellIs" dxfId="4419" priority="4422" operator="greaterThanOrEqual">
      <formula>110</formula>
    </cfRule>
  </conditionalFormatting>
  <conditionalFormatting sqref="G57">
    <cfRule type="cellIs" dxfId="4418" priority="4417" stopIfTrue="1" operator="equal">
      <formula>0</formula>
    </cfRule>
    <cfRule type="cellIs" dxfId="4417" priority="4418" operator="lessThanOrEqual">
      <formula>90</formula>
    </cfRule>
    <cfRule type="cellIs" dxfId="4416" priority="4419" operator="greaterThanOrEqual">
      <formula>110</formula>
    </cfRule>
  </conditionalFormatting>
  <conditionalFormatting sqref="G58">
    <cfRule type="cellIs" dxfId="4415" priority="4414" stopIfTrue="1" operator="equal">
      <formula>0</formula>
    </cfRule>
    <cfRule type="cellIs" dxfId="4414" priority="4415" operator="lessThanOrEqual">
      <formula>90</formula>
    </cfRule>
    <cfRule type="cellIs" dxfId="4413" priority="4416" operator="greaterThanOrEqual">
      <formula>110</formula>
    </cfRule>
  </conditionalFormatting>
  <conditionalFormatting sqref="G59">
    <cfRule type="cellIs" dxfId="4412" priority="4411" stopIfTrue="1" operator="equal">
      <formula>0</formula>
    </cfRule>
    <cfRule type="cellIs" dxfId="4411" priority="4412" operator="lessThanOrEqual">
      <formula>90</formula>
    </cfRule>
    <cfRule type="cellIs" dxfId="4410" priority="4413" operator="greaterThanOrEqual">
      <formula>110</formula>
    </cfRule>
  </conditionalFormatting>
  <conditionalFormatting sqref="G60">
    <cfRule type="cellIs" dxfId="4409" priority="4408" stopIfTrue="1" operator="equal">
      <formula>0</formula>
    </cfRule>
    <cfRule type="cellIs" dxfId="4408" priority="4409" operator="lessThanOrEqual">
      <formula>90</formula>
    </cfRule>
    <cfRule type="cellIs" dxfId="4407" priority="4410" operator="greaterThanOrEqual">
      <formula>110</formula>
    </cfRule>
  </conditionalFormatting>
  <conditionalFormatting sqref="G61">
    <cfRule type="cellIs" dxfId="4406" priority="4405" stopIfTrue="1" operator="equal">
      <formula>0</formula>
    </cfRule>
    <cfRule type="cellIs" dxfId="4405" priority="4406" operator="lessThanOrEqual">
      <formula>90</formula>
    </cfRule>
    <cfRule type="cellIs" dxfId="4404" priority="4407" operator="greaterThanOrEqual">
      <formula>110</formula>
    </cfRule>
  </conditionalFormatting>
  <conditionalFormatting sqref="G62">
    <cfRule type="cellIs" dxfId="4403" priority="4402" stopIfTrue="1" operator="equal">
      <formula>0</formula>
    </cfRule>
    <cfRule type="cellIs" dxfId="4402" priority="4403" operator="lessThanOrEqual">
      <formula>90</formula>
    </cfRule>
    <cfRule type="cellIs" dxfId="4401" priority="4404" operator="greaterThanOrEqual">
      <formula>110</formula>
    </cfRule>
  </conditionalFormatting>
  <conditionalFormatting sqref="G63">
    <cfRule type="cellIs" dxfId="4400" priority="4399" stopIfTrue="1" operator="equal">
      <formula>0</formula>
    </cfRule>
    <cfRule type="cellIs" dxfId="4399" priority="4400" operator="lessThanOrEqual">
      <formula>90</formula>
    </cfRule>
    <cfRule type="cellIs" dxfId="4398" priority="4401" operator="greaterThanOrEqual">
      <formula>110</formula>
    </cfRule>
  </conditionalFormatting>
  <conditionalFormatting sqref="G64">
    <cfRule type="cellIs" dxfId="4397" priority="4396" stopIfTrue="1" operator="equal">
      <formula>0</formula>
    </cfRule>
    <cfRule type="cellIs" dxfId="4396" priority="4397" operator="lessThanOrEqual">
      <formula>90</formula>
    </cfRule>
    <cfRule type="cellIs" dxfId="4395" priority="4398" operator="greaterThanOrEqual">
      <formula>110</formula>
    </cfRule>
  </conditionalFormatting>
  <conditionalFormatting sqref="G65">
    <cfRule type="cellIs" dxfId="4394" priority="4393" stopIfTrue="1" operator="equal">
      <formula>0</formula>
    </cfRule>
    <cfRule type="cellIs" dxfId="4393" priority="4394" operator="lessThanOrEqual">
      <formula>90</formula>
    </cfRule>
    <cfRule type="cellIs" dxfId="4392" priority="4395" operator="greaterThanOrEqual">
      <formula>110</formula>
    </cfRule>
  </conditionalFormatting>
  <conditionalFormatting sqref="H5">
    <cfRule type="cellIs" dxfId="4391" priority="4390" stopIfTrue="1" operator="equal">
      <formula>0</formula>
    </cfRule>
    <cfRule type="cellIs" dxfId="4390" priority="4391" operator="lessThanOrEqual">
      <formula>90</formula>
    </cfRule>
    <cfRule type="cellIs" dxfId="4389" priority="4392" operator="greaterThanOrEqual">
      <formula>110</formula>
    </cfRule>
  </conditionalFormatting>
  <conditionalFormatting sqref="H6">
    <cfRule type="cellIs" dxfId="4388" priority="4387" stopIfTrue="1" operator="equal">
      <formula>0</formula>
    </cfRule>
    <cfRule type="cellIs" dxfId="4387" priority="4388" operator="lessThanOrEqual">
      <formula>90</formula>
    </cfRule>
    <cfRule type="cellIs" dxfId="4386" priority="4389" operator="greaterThanOrEqual">
      <formula>110</formula>
    </cfRule>
  </conditionalFormatting>
  <conditionalFormatting sqref="H7">
    <cfRule type="cellIs" dxfId="4385" priority="4384" stopIfTrue="1" operator="equal">
      <formula>0</formula>
    </cfRule>
    <cfRule type="cellIs" dxfId="4384" priority="4385" operator="lessThanOrEqual">
      <formula>90</formula>
    </cfRule>
    <cfRule type="cellIs" dxfId="4383" priority="4386" operator="greaterThanOrEqual">
      <formula>110</formula>
    </cfRule>
  </conditionalFormatting>
  <conditionalFormatting sqref="H8">
    <cfRule type="cellIs" dxfId="4382" priority="4381" stopIfTrue="1" operator="equal">
      <formula>0</formula>
    </cfRule>
    <cfRule type="cellIs" dxfId="4381" priority="4382" operator="lessThanOrEqual">
      <formula>90</formula>
    </cfRule>
    <cfRule type="cellIs" dxfId="4380" priority="4383" operator="greaterThanOrEqual">
      <formula>110</formula>
    </cfRule>
  </conditionalFormatting>
  <conditionalFormatting sqref="H9">
    <cfRule type="cellIs" dxfId="4379" priority="4378" stopIfTrue="1" operator="equal">
      <formula>0</formula>
    </cfRule>
    <cfRule type="cellIs" dxfId="4378" priority="4379" operator="lessThanOrEqual">
      <formula>90</formula>
    </cfRule>
    <cfRule type="cellIs" dxfId="4377" priority="4380" operator="greaterThanOrEqual">
      <formula>110</formula>
    </cfRule>
  </conditionalFormatting>
  <conditionalFormatting sqref="H10">
    <cfRule type="cellIs" dxfId="4376" priority="4375" stopIfTrue="1" operator="equal">
      <formula>0</formula>
    </cfRule>
    <cfRule type="cellIs" dxfId="4375" priority="4376" operator="lessThanOrEqual">
      <formula>90</formula>
    </cfRule>
    <cfRule type="cellIs" dxfId="4374" priority="4377" operator="greaterThanOrEqual">
      <formula>110</formula>
    </cfRule>
  </conditionalFormatting>
  <conditionalFormatting sqref="H11">
    <cfRule type="cellIs" dxfId="4373" priority="4372" stopIfTrue="1" operator="equal">
      <formula>0</formula>
    </cfRule>
    <cfRule type="cellIs" dxfId="4372" priority="4373" operator="lessThanOrEqual">
      <formula>90</formula>
    </cfRule>
    <cfRule type="cellIs" dxfId="4371" priority="4374" operator="greaterThanOrEqual">
      <formula>110</formula>
    </cfRule>
  </conditionalFormatting>
  <conditionalFormatting sqref="H12">
    <cfRule type="cellIs" dxfId="4370" priority="4369" stopIfTrue="1" operator="equal">
      <formula>0</formula>
    </cfRule>
    <cfRule type="cellIs" dxfId="4369" priority="4370" operator="lessThanOrEqual">
      <formula>90</formula>
    </cfRule>
    <cfRule type="cellIs" dxfId="4368" priority="4371" operator="greaterThanOrEqual">
      <formula>110</formula>
    </cfRule>
  </conditionalFormatting>
  <conditionalFormatting sqref="H13">
    <cfRule type="cellIs" dxfId="4367" priority="4366" stopIfTrue="1" operator="equal">
      <formula>0</formula>
    </cfRule>
    <cfRule type="cellIs" dxfId="4366" priority="4367" operator="lessThanOrEqual">
      <formula>90</formula>
    </cfRule>
    <cfRule type="cellIs" dxfId="4365" priority="4368" operator="greaterThanOrEqual">
      <formula>110</formula>
    </cfRule>
  </conditionalFormatting>
  <conditionalFormatting sqref="H14">
    <cfRule type="cellIs" dxfId="4364" priority="4363" stopIfTrue="1" operator="equal">
      <formula>0</formula>
    </cfRule>
    <cfRule type="cellIs" dxfId="4363" priority="4364" operator="lessThanOrEqual">
      <formula>90</formula>
    </cfRule>
    <cfRule type="cellIs" dxfId="4362" priority="4365" operator="greaterThanOrEqual">
      <formula>110</formula>
    </cfRule>
  </conditionalFormatting>
  <conditionalFormatting sqref="H15">
    <cfRule type="cellIs" dxfId="4361" priority="4360" stopIfTrue="1" operator="equal">
      <formula>0</formula>
    </cfRule>
    <cfRule type="cellIs" dxfId="4360" priority="4361" operator="lessThanOrEqual">
      <formula>90</formula>
    </cfRule>
    <cfRule type="cellIs" dxfId="4359" priority="4362" operator="greaterThanOrEqual">
      <formula>110</formula>
    </cfRule>
  </conditionalFormatting>
  <conditionalFormatting sqref="H16">
    <cfRule type="cellIs" dxfId="4358" priority="4357" stopIfTrue="1" operator="equal">
      <formula>0</formula>
    </cfRule>
    <cfRule type="cellIs" dxfId="4357" priority="4358" operator="lessThanOrEqual">
      <formula>90</formula>
    </cfRule>
    <cfRule type="cellIs" dxfId="4356" priority="4359" operator="greaterThanOrEqual">
      <formula>110</formula>
    </cfRule>
  </conditionalFormatting>
  <conditionalFormatting sqref="H17">
    <cfRule type="cellIs" dxfId="4355" priority="4354" stopIfTrue="1" operator="equal">
      <formula>0</formula>
    </cfRule>
    <cfRule type="cellIs" dxfId="4354" priority="4355" operator="lessThanOrEqual">
      <formula>90</formula>
    </cfRule>
    <cfRule type="cellIs" dxfId="4353" priority="4356" operator="greaterThanOrEqual">
      <formula>110</formula>
    </cfRule>
  </conditionalFormatting>
  <conditionalFormatting sqref="H18">
    <cfRule type="cellIs" dxfId="4352" priority="4351" stopIfTrue="1" operator="equal">
      <formula>0</formula>
    </cfRule>
    <cfRule type="cellIs" dxfId="4351" priority="4352" operator="lessThanOrEqual">
      <formula>90</formula>
    </cfRule>
    <cfRule type="cellIs" dxfId="4350" priority="4353" operator="greaterThanOrEqual">
      <formula>110</formula>
    </cfRule>
  </conditionalFormatting>
  <conditionalFormatting sqref="H19">
    <cfRule type="cellIs" dxfId="4349" priority="4348" stopIfTrue="1" operator="equal">
      <formula>0</formula>
    </cfRule>
    <cfRule type="cellIs" dxfId="4348" priority="4349" operator="lessThanOrEqual">
      <formula>90</formula>
    </cfRule>
    <cfRule type="cellIs" dxfId="4347" priority="4350" operator="greaterThanOrEqual">
      <formula>110</formula>
    </cfRule>
  </conditionalFormatting>
  <conditionalFormatting sqref="H20">
    <cfRule type="cellIs" dxfId="4346" priority="4345" stopIfTrue="1" operator="equal">
      <formula>0</formula>
    </cfRule>
    <cfRule type="cellIs" dxfId="4345" priority="4346" operator="lessThanOrEqual">
      <formula>90</formula>
    </cfRule>
    <cfRule type="cellIs" dxfId="4344" priority="4347" operator="greaterThanOrEqual">
      <formula>110</formula>
    </cfRule>
  </conditionalFormatting>
  <conditionalFormatting sqref="H21">
    <cfRule type="cellIs" dxfId="4343" priority="4342" stopIfTrue="1" operator="equal">
      <formula>0</formula>
    </cfRule>
    <cfRule type="cellIs" dxfId="4342" priority="4343" operator="lessThanOrEqual">
      <formula>90</formula>
    </cfRule>
    <cfRule type="cellIs" dxfId="4341" priority="4344" operator="greaterThanOrEqual">
      <formula>110</formula>
    </cfRule>
  </conditionalFormatting>
  <conditionalFormatting sqref="H22">
    <cfRule type="cellIs" dxfId="4340" priority="4339" stopIfTrue="1" operator="equal">
      <formula>0</formula>
    </cfRule>
    <cfRule type="cellIs" dxfId="4339" priority="4340" operator="lessThanOrEqual">
      <formula>90</formula>
    </cfRule>
    <cfRule type="cellIs" dxfId="4338" priority="4341" operator="greaterThanOrEqual">
      <formula>110</formula>
    </cfRule>
  </conditionalFormatting>
  <conditionalFormatting sqref="H23">
    <cfRule type="cellIs" dxfId="4337" priority="4336" stopIfTrue="1" operator="equal">
      <formula>0</formula>
    </cfRule>
    <cfRule type="cellIs" dxfId="4336" priority="4337" operator="lessThanOrEqual">
      <formula>90</formula>
    </cfRule>
    <cfRule type="cellIs" dxfId="4335" priority="4338" operator="greaterThanOrEqual">
      <formula>110</formula>
    </cfRule>
  </conditionalFormatting>
  <conditionalFormatting sqref="H24">
    <cfRule type="cellIs" dxfId="4334" priority="4333" stopIfTrue="1" operator="equal">
      <formula>0</formula>
    </cfRule>
    <cfRule type="cellIs" dxfId="4333" priority="4334" operator="lessThanOrEqual">
      <formula>90</formula>
    </cfRule>
    <cfRule type="cellIs" dxfId="4332" priority="4335" operator="greaterThanOrEqual">
      <formula>110</formula>
    </cfRule>
  </conditionalFormatting>
  <conditionalFormatting sqref="H25">
    <cfRule type="cellIs" dxfId="4331" priority="4330" stopIfTrue="1" operator="equal">
      <formula>0</formula>
    </cfRule>
    <cfRule type="cellIs" dxfId="4330" priority="4331" operator="lessThanOrEqual">
      <formula>90</formula>
    </cfRule>
    <cfRule type="cellIs" dxfId="4329" priority="4332" operator="greaterThanOrEqual">
      <formula>110</formula>
    </cfRule>
  </conditionalFormatting>
  <conditionalFormatting sqref="H26">
    <cfRule type="cellIs" dxfId="4328" priority="4327" stopIfTrue="1" operator="equal">
      <formula>0</formula>
    </cfRule>
    <cfRule type="cellIs" dxfId="4327" priority="4328" operator="lessThanOrEqual">
      <formula>90</formula>
    </cfRule>
    <cfRule type="cellIs" dxfId="4326" priority="4329" operator="greaterThanOrEqual">
      <formula>110</formula>
    </cfRule>
  </conditionalFormatting>
  <conditionalFormatting sqref="H27">
    <cfRule type="cellIs" dxfId="4325" priority="4324" stopIfTrue="1" operator="equal">
      <formula>0</formula>
    </cfRule>
    <cfRule type="cellIs" dxfId="4324" priority="4325" operator="lessThanOrEqual">
      <formula>90</formula>
    </cfRule>
    <cfRule type="cellIs" dxfId="4323" priority="4326" operator="greaterThanOrEqual">
      <formula>110</formula>
    </cfRule>
  </conditionalFormatting>
  <conditionalFormatting sqref="H28">
    <cfRule type="cellIs" dxfId="4322" priority="4321" stopIfTrue="1" operator="equal">
      <formula>0</formula>
    </cfRule>
    <cfRule type="cellIs" dxfId="4321" priority="4322" operator="lessThanOrEqual">
      <formula>90</formula>
    </cfRule>
    <cfRule type="cellIs" dxfId="4320" priority="4323" operator="greaterThanOrEqual">
      <formula>110</formula>
    </cfRule>
  </conditionalFormatting>
  <conditionalFormatting sqref="H29">
    <cfRule type="cellIs" dxfId="4319" priority="4318" stopIfTrue="1" operator="equal">
      <formula>0</formula>
    </cfRule>
    <cfRule type="cellIs" dxfId="4318" priority="4319" operator="lessThanOrEqual">
      <formula>90</formula>
    </cfRule>
    <cfRule type="cellIs" dxfId="4317" priority="4320" operator="greaterThanOrEqual">
      <formula>110</formula>
    </cfRule>
  </conditionalFormatting>
  <conditionalFormatting sqref="H30">
    <cfRule type="cellIs" dxfId="4316" priority="4315" stopIfTrue="1" operator="equal">
      <formula>0</formula>
    </cfRule>
    <cfRule type="cellIs" dxfId="4315" priority="4316" operator="lessThanOrEqual">
      <formula>90</formula>
    </cfRule>
    <cfRule type="cellIs" dxfId="4314" priority="4317" operator="greaterThanOrEqual">
      <formula>110</formula>
    </cfRule>
  </conditionalFormatting>
  <conditionalFormatting sqref="H31">
    <cfRule type="cellIs" dxfId="4313" priority="4312" stopIfTrue="1" operator="equal">
      <formula>0</formula>
    </cfRule>
    <cfRule type="cellIs" dxfId="4312" priority="4313" operator="lessThanOrEqual">
      <formula>90</formula>
    </cfRule>
    <cfRule type="cellIs" dxfId="4311" priority="4314" operator="greaterThanOrEqual">
      <formula>110</formula>
    </cfRule>
  </conditionalFormatting>
  <conditionalFormatting sqref="H32">
    <cfRule type="cellIs" dxfId="4310" priority="4309" stopIfTrue="1" operator="equal">
      <formula>0</formula>
    </cfRule>
    <cfRule type="cellIs" dxfId="4309" priority="4310" operator="lessThanOrEqual">
      <formula>90</formula>
    </cfRule>
    <cfRule type="cellIs" dxfId="4308" priority="4311" operator="greaterThanOrEqual">
      <formula>110</formula>
    </cfRule>
  </conditionalFormatting>
  <conditionalFormatting sqref="H33">
    <cfRule type="cellIs" dxfId="4307" priority="4306" stopIfTrue="1" operator="equal">
      <formula>0</formula>
    </cfRule>
    <cfRule type="cellIs" dxfId="4306" priority="4307" operator="lessThanOrEqual">
      <formula>90</formula>
    </cfRule>
    <cfRule type="cellIs" dxfId="4305" priority="4308" operator="greaterThanOrEqual">
      <formula>110</formula>
    </cfRule>
  </conditionalFormatting>
  <conditionalFormatting sqref="H34">
    <cfRule type="cellIs" dxfId="4304" priority="4303" stopIfTrue="1" operator="equal">
      <formula>0</formula>
    </cfRule>
    <cfRule type="cellIs" dxfId="4303" priority="4304" operator="lessThanOrEqual">
      <formula>90</formula>
    </cfRule>
    <cfRule type="cellIs" dxfId="4302" priority="4305" operator="greaterThanOrEqual">
      <formula>110</formula>
    </cfRule>
  </conditionalFormatting>
  <conditionalFormatting sqref="H35">
    <cfRule type="cellIs" dxfId="4301" priority="4300" stopIfTrue="1" operator="equal">
      <formula>0</formula>
    </cfRule>
    <cfRule type="cellIs" dxfId="4300" priority="4301" operator="lessThanOrEqual">
      <formula>90</formula>
    </cfRule>
    <cfRule type="cellIs" dxfId="4299" priority="4302" operator="greaterThanOrEqual">
      <formula>110</formula>
    </cfRule>
  </conditionalFormatting>
  <conditionalFormatting sqref="H36">
    <cfRule type="cellIs" dxfId="4298" priority="4297" stopIfTrue="1" operator="equal">
      <formula>0</formula>
    </cfRule>
    <cfRule type="cellIs" dxfId="4297" priority="4298" operator="lessThanOrEqual">
      <formula>90</formula>
    </cfRule>
    <cfRule type="cellIs" dxfId="4296" priority="4299" operator="greaterThanOrEqual">
      <formula>110</formula>
    </cfRule>
  </conditionalFormatting>
  <conditionalFormatting sqref="H37">
    <cfRule type="cellIs" dxfId="4295" priority="4294" stopIfTrue="1" operator="equal">
      <formula>0</formula>
    </cfRule>
    <cfRule type="cellIs" dxfId="4294" priority="4295" operator="lessThanOrEqual">
      <formula>90</formula>
    </cfRule>
    <cfRule type="cellIs" dxfId="4293" priority="4296" operator="greaterThanOrEqual">
      <formula>110</formula>
    </cfRule>
  </conditionalFormatting>
  <conditionalFormatting sqref="H38">
    <cfRule type="cellIs" dxfId="4292" priority="4291" stopIfTrue="1" operator="equal">
      <formula>0</formula>
    </cfRule>
    <cfRule type="cellIs" dxfId="4291" priority="4292" operator="lessThanOrEqual">
      <formula>90</formula>
    </cfRule>
    <cfRule type="cellIs" dxfId="4290" priority="4293" operator="greaterThanOrEqual">
      <formula>110</formula>
    </cfRule>
  </conditionalFormatting>
  <conditionalFormatting sqref="H39">
    <cfRule type="cellIs" dxfId="4289" priority="4288" stopIfTrue="1" operator="equal">
      <formula>0</formula>
    </cfRule>
    <cfRule type="cellIs" dxfId="4288" priority="4289" operator="lessThanOrEqual">
      <formula>90</formula>
    </cfRule>
    <cfRule type="cellIs" dxfId="4287" priority="4290" operator="greaterThanOrEqual">
      <formula>110</formula>
    </cfRule>
  </conditionalFormatting>
  <conditionalFormatting sqref="H40">
    <cfRule type="cellIs" dxfId="4286" priority="4285" stopIfTrue="1" operator="equal">
      <formula>0</formula>
    </cfRule>
    <cfRule type="cellIs" dxfId="4285" priority="4286" operator="lessThanOrEqual">
      <formula>90</formula>
    </cfRule>
    <cfRule type="cellIs" dxfId="4284" priority="4287" operator="greaterThanOrEqual">
      <formula>110</formula>
    </cfRule>
  </conditionalFormatting>
  <conditionalFormatting sqref="H41">
    <cfRule type="cellIs" dxfId="4283" priority="4282" stopIfTrue="1" operator="equal">
      <formula>0</formula>
    </cfRule>
    <cfRule type="cellIs" dxfId="4282" priority="4283" operator="lessThanOrEqual">
      <formula>90</formula>
    </cfRule>
    <cfRule type="cellIs" dxfId="4281" priority="4284" operator="greaterThanOrEqual">
      <formula>110</formula>
    </cfRule>
  </conditionalFormatting>
  <conditionalFormatting sqref="H42">
    <cfRule type="cellIs" dxfId="4280" priority="4279" stopIfTrue="1" operator="equal">
      <formula>0</formula>
    </cfRule>
    <cfRule type="cellIs" dxfId="4279" priority="4280" operator="lessThanOrEqual">
      <formula>90</formula>
    </cfRule>
    <cfRule type="cellIs" dxfId="4278" priority="4281" operator="greaterThanOrEqual">
      <formula>110</formula>
    </cfRule>
  </conditionalFormatting>
  <conditionalFormatting sqref="H43">
    <cfRule type="cellIs" dxfId="4277" priority="4276" stopIfTrue="1" operator="equal">
      <formula>0</formula>
    </cfRule>
    <cfRule type="cellIs" dxfId="4276" priority="4277" operator="lessThanOrEqual">
      <formula>90</formula>
    </cfRule>
    <cfRule type="cellIs" dxfId="4275" priority="4278" operator="greaterThanOrEqual">
      <formula>110</formula>
    </cfRule>
  </conditionalFormatting>
  <conditionalFormatting sqref="H44">
    <cfRule type="cellIs" dxfId="4274" priority="4273" stopIfTrue="1" operator="equal">
      <formula>0</formula>
    </cfRule>
    <cfRule type="cellIs" dxfId="4273" priority="4274" operator="lessThanOrEqual">
      <formula>90</formula>
    </cfRule>
    <cfRule type="cellIs" dxfId="4272" priority="4275" operator="greaterThanOrEqual">
      <formula>110</formula>
    </cfRule>
  </conditionalFormatting>
  <conditionalFormatting sqref="H45">
    <cfRule type="cellIs" dxfId="4271" priority="4270" stopIfTrue="1" operator="equal">
      <formula>0</formula>
    </cfRule>
    <cfRule type="cellIs" dxfId="4270" priority="4271" operator="lessThanOrEqual">
      <formula>90</formula>
    </cfRule>
    <cfRule type="cellIs" dxfId="4269" priority="4272" operator="greaterThanOrEqual">
      <formula>110</formula>
    </cfRule>
  </conditionalFormatting>
  <conditionalFormatting sqref="H46">
    <cfRule type="cellIs" dxfId="4268" priority="4267" stopIfTrue="1" operator="equal">
      <formula>0</formula>
    </cfRule>
    <cfRule type="cellIs" dxfId="4267" priority="4268" operator="lessThanOrEqual">
      <formula>90</formula>
    </cfRule>
    <cfRule type="cellIs" dxfId="4266" priority="4269" operator="greaterThanOrEqual">
      <formula>110</formula>
    </cfRule>
  </conditionalFormatting>
  <conditionalFormatting sqref="H47">
    <cfRule type="cellIs" dxfId="4265" priority="4264" stopIfTrue="1" operator="equal">
      <formula>0</formula>
    </cfRule>
    <cfRule type="cellIs" dxfId="4264" priority="4265" operator="lessThanOrEqual">
      <formula>90</formula>
    </cfRule>
    <cfRule type="cellIs" dxfId="4263" priority="4266" operator="greaterThanOrEqual">
      <formula>110</formula>
    </cfRule>
  </conditionalFormatting>
  <conditionalFormatting sqref="H48">
    <cfRule type="cellIs" dxfId="4262" priority="4261" stopIfTrue="1" operator="equal">
      <formula>0</formula>
    </cfRule>
    <cfRule type="cellIs" dxfId="4261" priority="4262" operator="lessThanOrEqual">
      <formula>90</formula>
    </cfRule>
    <cfRule type="cellIs" dxfId="4260" priority="4263" operator="greaterThanOrEqual">
      <formula>110</formula>
    </cfRule>
  </conditionalFormatting>
  <conditionalFormatting sqref="H49">
    <cfRule type="cellIs" dxfId="4259" priority="4258" stopIfTrue="1" operator="equal">
      <formula>0</formula>
    </cfRule>
    <cfRule type="cellIs" dxfId="4258" priority="4259" operator="lessThanOrEqual">
      <formula>90</formula>
    </cfRule>
    <cfRule type="cellIs" dxfId="4257" priority="4260" operator="greaterThanOrEqual">
      <formula>110</formula>
    </cfRule>
  </conditionalFormatting>
  <conditionalFormatting sqref="H50">
    <cfRule type="cellIs" dxfId="4256" priority="4255" stopIfTrue="1" operator="equal">
      <formula>0</formula>
    </cfRule>
    <cfRule type="cellIs" dxfId="4255" priority="4256" operator="lessThanOrEqual">
      <formula>90</formula>
    </cfRule>
    <cfRule type="cellIs" dxfId="4254" priority="4257" operator="greaterThanOrEqual">
      <formula>110</formula>
    </cfRule>
  </conditionalFormatting>
  <conditionalFormatting sqref="H51">
    <cfRule type="cellIs" dxfId="4253" priority="4252" stopIfTrue="1" operator="equal">
      <formula>0</formula>
    </cfRule>
    <cfRule type="cellIs" dxfId="4252" priority="4253" operator="lessThanOrEqual">
      <formula>90</formula>
    </cfRule>
    <cfRule type="cellIs" dxfId="4251" priority="4254" operator="greaterThanOrEqual">
      <formula>110</formula>
    </cfRule>
  </conditionalFormatting>
  <conditionalFormatting sqref="H52">
    <cfRule type="cellIs" dxfId="4250" priority="4249" stopIfTrue="1" operator="equal">
      <formula>0</formula>
    </cfRule>
    <cfRule type="cellIs" dxfId="4249" priority="4250" operator="lessThanOrEqual">
      <formula>90</formula>
    </cfRule>
    <cfRule type="cellIs" dxfId="4248" priority="4251" operator="greaterThanOrEqual">
      <formula>110</formula>
    </cfRule>
  </conditionalFormatting>
  <conditionalFormatting sqref="H53">
    <cfRule type="cellIs" dxfId="4247" priority="4246" stopIfTrue="1" operator="equal">
      <formula>0</formula>
    </cfRule>
    <cfRule type="cellIs" dxfId="4246" priority="4247" operator="lessThanOrEqual">
      <formula>90</formula>
    </cfRule>
    <cfRule type="cellIs" dxfId="4245" priority="4248" operator="greaterThanOrEqual">
      <formula>110</formula>
    </cfRule>
  </conditionalFormatting>
  <conditionalFormatting sqref="H54">
    <cfRule type="cellIs" dxfId="4244" priority="4243" stopIfTrue="1" operator="equal">
      <formula>0</formula>
    </cfRule>
    <cfRule type="cellIs" dxfId="4243" priority="4244" operator="lessThanOrEqual">
      <formula>90</formula>
    </cfRule>
    <cfRule type="cellIs" dxfId="4242" priority="4245" operator="greaterThanOrEqual">
      <formula>110</formula>
    </cfRule>
  </conditionalFormatting>
  <conditionalFormatting sqref="H55">
    <cfRule type="cellIs" dxfId="4241" priority="4240" stopIfTrue="1" operator="equal">
      <formula>0</formula>
    </cfRule>
    <cfRule type="cellIs" dxfId="4240" priority="4241" operator="lessThanOrEqual">
      <formula>90</formula>
    </cfRule>
    <cfRule type="cellIs" dxfId="4239" priority="4242" operator="greaterThanOrEqual">
      <formula>110</formula>
    </cfRule>
  </conditionalFormatting>
  <conditionalFormatting sqref="H56">
    <cfRule type="cellIs" dxfId="4238" priority="4237" stopIfTrue="1" operator="equal">
      <formula>0</formula>
    </cfRule>
    <cfRule type="cellIs" dxfId="4237" priority="4238" operator="lessThanOrEqual">
      <formula>90</formula>
    </cfRule>
    <cfRule type="cellIs" dxfId="4236" priority="4239" operator="greaterThanOrEqual">
      <formula>110</formula>
    </cfRule>
  </conditionalFormatting>
  <conditionalFormatting sqref="H57">
    <cfRule type="cellIs" dxfId="4235" priority="4234" stopIfTrue="1" operator="equal">
      <formula>0</formula>
    </cfRule>
    <cfRule type="cellIs" dxfId="4234" priority="4235" operator="lessThanOrEqual">
      <formula>90</formula>
    </cfRule>
    <cfRule type="cellIs" dxfId="4233" priority="4236" operator="greaterThanOrEqual">
      <formula>110</formula>
    </cfRule>
  </conditionalFormatting>
  <conditionalFormatting sqref="H58">
    <cfRule type="cellIs" dxfId="4232" priority="4231" stopIfTrue="1" operator="equal">
      <formula>0</formula>
    </cfRule>
    <cfRule type="cellIs" dxfId="4231" priority="4232" operator="lessThanOrEqual">
      <formula>90</formula>
    </cfRule>
    <cfRule type="cellIs" dxfId="4230" priority="4233" operator="greaterThanOrEqual">
      <formula>110</formula>
    </cfRule>
  </conditionalFormatting>
  <conditionalFormatting sqref="H59">
    <cfRule type="cellIs" dxfId="4229" priority="4228" stopIfTrue="1" operator="equal">
      <formula>0</formula>
    </cfRule>
    <cfRule type="cellIs" dxfId="4228" priority="4229" operator="lessThanOrEqual">
      <formula>90</formula>
    </cfRule>
    <cfRule type="cellIs" dxfId="4227" priority="4230" operator="greaterThanOrEqual">
      <formula>110</formula>
    </cfRule>
  </conditionalFormatting>
  <conditionalFormatting sqref="H60">
    <cfRule type="cellIs" dxfId="4226" priority="4225" stopIfTrue="1" operator="equal">
      <formula>0</formula>
    </cfRule>
    <cfRule type="cellIs" dxfId="4225" priority="4226" operator="lessThanOrEqual">
      <formula>90</formula>
    </cfRule>
    <cfRule type="cellIs" dxfId="4224" priority="4227" operator="greaterThanOrEqual">
      <formula>110</formula>
    </cfRule>
  </conditionalFormatting>
  <conditionalFormatting sqref="H61">
    <cfRule type="cellIs" dxfId="4223" priority="4222" stopIfTrue="1" operator="equal">
      <formula>0</formula>
    </cfRule>
    <cfRule type="cellIs" dxfId="4222" priority="4223" operator="lessThanOrEqual">
      <formula>90</formula>
    </cfRule>
    <cfRule type="cellIs" dxfId="4221" priority="4224" operator="greaterThanOrEqual">
      <formula>110</formula>
    </cfRule>
  </conditionalFormatting>
  <conditionalFormatting sqref="H62">
    <cfRule type="cellIs" dxfId="4220" priority="4219" stopIfTrue="1" operator="equal">
      <formula>0</formula>
    </cfRule>
    <cfRule type="cellIs" dxfId="4219" priority="4220" operator="lessThanOrEqual">
      <formula>90</formula>
    </cfRule>
    <cfRule type="cellIs" dxfId="4218" priority="4221" operator="greaterThanOrEqual">
      <formula>110</formula>
    </cfRule>
  </conditionalFormatting>
  <conditionalFormatting sqref="H63">
    <cfRule type="cellIs" dxfId="4217" priority="4216" stopIfTrue="1" operator="equal">
      <formula>0</formula>
    </cfRule>
    <cfRule type="cellIs" dxfId="4216" priority="4217" operator="lessThanOrEqual">
      <formula>90</formula>
    </cfRule>
    <cfRule type="cellIs" dxfId="4215" priority="4218" operator="greaterThanOrEqual">
      <formula>110</formula>
    </cfRule>
  </conditionalFormatting>
  <conditionalFormatting sqref="H64">
    <cfRule type="cellIs" dxfId="4214" priority="4213" stopIfTrue="1" operator="equal">
      <formula>0</formula>
    </cfRule>
    <cfRule type="cellIs" dxfId="4213" priority="4214" operator="lessThanOrEqual">
      <formula>90</formula>
    </cfRule>
    <cfRule type="cellIs" dxfId="4212" priority="4215" operator="greaterThanOrEqual">
      <formula>110</formula>
    </cfRule>
  </conditionalFormatting>
  <conditionalFormatting sqref="H65">
    <cfRule type="cellIs" dxfId="4211" priority="4210" stopIfTrue="1" operator="equal">
      <formula>0</formula>
    </cfRule>
    <cfRule type="cellIs" dxfId="4210" priority="4211" operator="lessThanOrEqual">
      <formula>90</formula>
    </cfRule>
    <cfRule type="cellIs" dxfId="4209" priority="4212" operator="greaterThanOrEqual">
      <formula>110</formula>
    </cfRule>
  </conditionalFormatting>
  <conditionalFormatting sqref="I5">
    <cfRule type="cellIs" dxfId="4208" priority="4207" stopIfTrue="1" operator="equal">
      <formula>0</formula>
    </cfRule>
    <cfRule type="cellIs" dxfId="4207" priority="4208" operator="lessThanOrEqual">
      <formula>90</formula>
    </cfRule>
    <cfRule type="cellIs" dxfId="4206" priority="4209" operator="greaterThanOrEqual">
      <formula>110</formula>
    </cfRule>
  </conditionalFormatting>
  <conditionalFormatting sqref="I6">
    <cfRule type="cellIs" dxfId="4205" priority="4204" stopIfTrue="1" operator="equal">
      <formula>0</formula>
    </cfRule>
    <cfRule type="cellIs" dxfId="4204" priority="4205" operator="lessThanOrEqual">
      <formula>90</formula>
    </cfRule>
    <cfRule type="cellIs" dxfId="4203" priority="4206" operator="greaterThanOrEqual">
      <formula>110</formula>
    </cfRule>
  </conditionalFormatting>
  <conditionalFormatting sqref="I7">
    <cfRule type="cellIs" dxfId="4202" priority="4201" stopIfTrue="1" operator="equal">
      <formula>0</formula>
    </cfRule>
    <cfRule type="cellIs" dxfId="4201" priority="4202" operator="lessThanOrEqual">
      <formula>90</formula>
    </cfRule>
    <cfRule type="cellIs" dxfId="4200" priority="4203" operator="greaterThanOrEqual">
      <formula>110</formula>
    </cfRule>
  </conditionalFormatting>
  <conditionalFormatting sqref="I8">
    <cfRule type="cellIs" dxfId="4199" priority="4198" stopIfTrue="1" operator="equal">
      <formula>0</formula>
    </cfRule>
    <cfRule type="cellIs" dxfId="4198" priority="4199" operator="lessThanOrEqual">
      <formula>90</formula>
    </cfRule>
    <cfRule type="cellIs" dxfId="4197" priority="4200" operator="greaterThanOrEqual">
      <formula>110</formula>
    </cfRule>
  </conditionalFormatting>
  <conditionalFormatting sqref="I9">
    <cfRule type="cellIs" dxfId="4196" priority="4195" stopIfTrue="1" operator="equal">
      <formula>0</formula>
    </cfRule>
    <cfRule type="cellIs" dxfId="4195" priority="4196" operator="lessThanOrEqual">
      <formula>90</formula>
    </cfRule>
    <cfRule type="cellIs" dxfId="4194" priority="4197" operator="greaterThanOrEqual">
      <formula>110</formula>
    </cfRule>
  </conditionalFormatting>
  <conditionalFormatting sqref="I10">
    <cfRule type="cellIs" dxfId="4193" priority="4192" stopIfTrue="1" operator="equal">
      <formula>0</formula>
    </cfRule>
    <cfRule type="cellIs" dxfId="4192" priority="4193" operator="lessThanOrEqual">
      <formula>90</formula>
    </cfRule>
    <cfRule type="cellIs" dxfId="4191" priority="4194" operator="greaterThanOrEqual">
      <formula>110</formula>
    </cfRule>
  </conditionalFormatting>
  <conditionalFormatting sqref="I11">
    <cfRule type="cellIs" dxfId="4190" priority="4189" stopIfTrue="1" operator="equal">
      <formula>0</formula>
    </cfRule>
    <cfRule type="cellIs" dxfId="4189" priority="4190" operator="lessThanOrEqual">
      <formula>90</formula>
    </cfRule>
    <cfRule type="cellIs" dxfId="4188" priority="4191" operator="greaterThanOrEqual">
      <formula>110</formula>
    </cfRule>
  </conditionalFormatting>
  <conditionalFormatting sqref="I12">
    <cfRule type="cellIs" dxfId="4187" priority="4186" stopIfTrue="1" operator="equal">
      <formula>0</formula>
    </cfRule>
    <cfRule type="cellIs" dxfId="4186" priority="4187" operator="lessThanOrEqual">
      <formula>90</formula>
    </cfRule>
    <cfRule type="cellIs" dxfId="4185" priority="4188" operator="greaterThanOrEqual">
      <formula>110</formula>
    </cfRule>
  </conditionalFormatting>
  <conditionalFormatting sqref="I13">
    <cfRule type="cellIs" dxfId="4184" priority="4183" stopIfTrue="1" operator="equal">
      <formula>0</formula>
    </cfRule>
    <cfRule type="cellIs" dxfId="4183" priority="4184" operator="lessThanOrEqual">
      <formula>90</formula>
    </cfRule>
    <cfRule type="cellIs" dxfId="4182" priority="4185" operator="greaterThanOrEqual">
      <formula>110</formula>
    </cfRule>
  </conditionalFormatting>
  <conditionalFormatting sqref="I14">
    <cfRule type="cellIs" dxfId="4181" priority="4180" stopIfTrue="1" operator="equal">
      <formula>0</formula>
    </cfRule>
    <cfRule type="cellIs" dxfId="4180" priority="4181" operator="lessThanOrEqual">
      <formula>90</formula>
    </cfRule>
    <cfRule type="cellIs" dxfId="4179" priority="4182" operator="greaterThanOrEqual">
      <formula>110</formula>
    </cfRule>
  </conditionalFormatting>
  <conditionalFormatting sqref="I15">
    <cfRule type="cellIs" dxfId="4178" priority="4177" stopIfTrue="1" operator="equal">
      <formula>0</formula>
    </cfRule>
    <cfRule type="cellIs" dxfId="4177" priority="4178" operator="lessThanOrEqual">
      <formula>90</formula>
    </cfRule>
    <cfRule type="cellIs" dxfId="4176" priority="4179" operator="greaterThanOrEqual">
      <formula>110</formula>
    </cfRule>
  </conditionalFormatting>
  <conditionalFormatting sqref="I16">
    <cfRule type="cellIs" dxfId="4175" priority="4174" stopIfTrue="1" operator="equal">
      <formula>0</formula>
    </cfRule>
    <cfRule type="cellIs" dxfId="4174" priority="4175" operator="lessThanOrEqual">
      <formula>90</formula>
    </cfRule>
    <cfRule type="cellIs" dxfId="4173" priority="4176" operator="greaterThanOrEqual">
      <formula>110</formula>
    </cfRule>
  </conditionalFormatting>
  <conditionalFormatting sqref="I17">
    <cfRule type="cellIs" dxfId="4172" priority="4171" stopIfTrue="1" operator="equal">
      <formula>0</formula>
    </cfRule>
    <cfRule type="cellIs" dxfId="4171" priority="4172" operator="lessThanOrEqual">
      <formula>90</formula>
    </cfRule>
    <cfRule type="cellIs" dxfId="4170" priority="4173" operator="greaterThanOrEqual">
      <formula>110</formula>
    </cfRule>
  </conditionalFormatting>
  <conditionalFormatting sqref="I18">
    <cfRule type="cellIs" dxfId="4169" priority="4168" stopIfTrue="1" operator="equal">
      <formula>0</formula>
    </cfRule>
    <cfRule type="cellIs" dxfId="4168" priority="4169" operator="lessThanOrEqual">
      <formula>90</formula>
    </cfRule>
    <cfRule type="cellIs" dxfId="4167" priority="4170" operator="greaterThanOrEqual">
      <formula>110</formula>
    </cfRule>
  </conditionalFormatting>
  <conditionalFormatting sqref="I19">
    <cfRule type="cellIs" dxfId="4166" priority="4165" stopIfTrue="1" operator="equal">
      <formula>0</formula>
    </cfRule>
    <cfRule type="cellIs" dxfId="4165" priority="4166" operator="lessThanOrEqual">
      <formula>90</formula>
    </cfRule>
    <cfRule type="cellIs" dxfId="4164" priority="4167" operator="greaterThanOrEqual">
      <formula>110</formula>
    </cfRule>
  </conditionalFormatting>
  <conditionalFormatting sqref="I20">
    <cfRule type="cellIs" dxfId="4163" priority="4162" stopIfTrue="1" operator="equal">
      <formula>0</formula>
    </cfRule>
    <cfRule type="cellIs" dxfId="4162" priority="4163" operator="lessThanOrEqual">
      <formula>90</formula>
    </cfRule>
    <cfRule type="cellIs" dxfId="4161" priority="4164" operator="greaterThanOrEqual">
      <formula>110</formula>
    </cfRule>
  </conditionalFormatting>
  <conditionalFormatting sqref="I21">
    <cfRule type="cellIs" dxfId="4160" priority="4159" stopIfTrue="1" operator="equal">
      <formula>0</formula>
    </cfRule>
    <cfRule type="cellIs" dxfId="4159" priority="4160" operator="lessThanOrEqual">
      <formula>90</formula>
    </cfRule>
    <cfRule type="cellIs" dxfId="4158" priority="4161" operator="greaterThanOrEqual">
      <formula>110</formula>
    </cfRule>
  </conditionalFormatting>
  <conditionalFormatting sqref="I22">
    <cfRule type="cellIs" dxfId="4157" priority="4156" stopIfTrue="1" operator="equal">
      <formula>0</formula>
    </cfRule>
    <cfRule type="cellIs" dxfId="4156" priority="4157" operator="lessThanOrEqual">
      <formula>90</formula>
    </cfRule>
    <cfRule type="cellIs" dxfId="4155" priority="4158" operator="greaterThanOrEqual">
      <formula>110</formula>
    </cfRule>
  </conditionalFormatting>
  <conditionalFormatting sqref="I23">
    <cfRule type="cellIs" dxfId="4154" priority="4153" stopIfTrue="1" operator="equal">
      <formula>0</formula>
    </cfRule>
    <cfRule type="cellIs" dxfId="4153" priority="4154" operator="lessThanOrEqual">
      <formula>90</formula>
    </cfRule>
    <cfRule type="cellIs" dxfId="4152" priority="4155" operator="greaterThanOrEqual">
      <formula>110</formula>
    </cfRule>
  </conditionalFormatting>
  <conditionalFormatting sqref="I24">
    <cfRule type="cellIs" dxfId="4151" priority="4150" stopIfTrue="1" operator="equal">
      <formula>0</formula>
    </cfRule>
    <cfRule type="cellIs" dxfId="4150" priority="4151" operator="lessThanOrEqual">
      <formula>90</formula>
    </cfRule>
    <cfRule type="cellIs" dxfId="4149" priority="4152" operator="greaterThanOrEqual">
      <formula>110</formula>
    </cfRule>
  </conditionalFormatting>
  <conditionalFormatting sqref="I25">
    <cfRule type="cellIs" dxfId="4148" priority="4147" stopIfTrue="1" operator="equal">
      <formula>0</formula>
    </cfRule>
    <cfRule type="cellIs" dxfId="4147" priority="4148" operator="lessThanOrEqual">
      <formula>90</formula>
    </cfRule>
    <cfRule type="cellIs" dxfId="4146" priority="4149" operator="greaterThanOrEqual">
      <formula>110</formula>
    </cfRule>
  </conditionalFormatting>
  <conditionalFormatting sqref="I26">
    <cfRule type="cellIs" dxfId="4145" priority="4144" stopIfTrue="1" operator="equal">
      <formula>0</formula>
    </cfRule>
    <cfRule type="cellIs" dxfId="4144" priority="4145" operator="lessThanOrEqual">
      <formula>90</formula>
    </cfRule>
    <cfRule type="cellIs" dxfId="4143" priority="4146" operator="greaterThanOrEqual">
      <formula>110</formula>
    </cfRule>
  </conditionalFormatting>
  <conditionalFormatting sqref="I27">
    <cfRule type="cellIs" dxfId="4142" priority="4141" stopIfTrue="1" operator="equal">
      <formula>0</formula>
    </cfRule>
    <cfRule type="cellIs" dxfId="4141" priority="4142" operator="lessThanOrEqual">
      <formula>90</formula>
    </cfRule>
    <cfRule type="cellIs" dxfId="4140" priority="4143" operator="greaterThanOrEqual">
      <formula>110</formula>
    </cfRule>
  </conditionalFormatting>
  <conditionalFormatting sqref="I28">
    <cfRule type="cellIs" dxfId="4139" priority="4138" stopIfTrue="1" operator="equal">
      <formula>0</formula>
    </cfRule>
    <cfRule type="cellIs" dxfId="4138" priority="4139" operator="lessThanOrEqual">
      <formula>90</formula>
    </cfRule>
    <cfRule type="cellIs" dxfId="4137" priority="4140" operator="greaterThanOrEqual">
      <formula>110</formula>
    </cfRule>
  </conditionalFormatting>
  <conditionalFormatting sqref="I29">
    <cfRule type="cellIs" dxfId="4136" priority="4135" stopIfTrue="1" operator="equal">
      <formula>0</formula>
    </cfRule>
    <cfRule type="cellIs" dxfId="4135" priority="4136" operator="lessThanOrEqual">
      <formula>90</formula>
    </cfRule>
    <cfRule type="cellIs" dxfId="4134" priority="4137" operator="greaterThanOrEqual">
      <formula>110</formula>
    </cfRule>
  </conditionalFormatting>
  <conditionalFormatting sqref="I30">
    <cfRule type="cellIs" dxfId="4133" priority="4132" stopIfTrue="1" operator="equal">
      <formula>0</formula>
    </cfRule>
    <cfRule type="cellIs" dxfId="4132" priority="4133" operator="lessThanOrEqual">
      <formula>90</formula>
    </cfRule>
    <cfRule type="cellIs" dxfId="4131" priority="4134" operator="greaterThanOrEqual">
      <formula>110</formula>
    </cfRule>
  </conditionalFormatting>
  <conditionalFormatting sqref="I31">
    <cfRule type="cellIs" dxfId="4130" priority="4129" stopIfTrue="1" operator="equal">
      <formula>0</formula>
    </cfRule>
    <cfRule type="cellIs" dxfId="4129" priority="4130" operator="lessThanOrEqual">
      <formula>90</formula>
    </cfRule>
    <cfRule type="cellIs" dxfId="4128" priority="4131" operator="greaterThanOrEqual">
      <formula>110</formula>
    </cfRule>
  </conditionalFormatting>
  <conditionalFormatting sqref="I32">
    <cfRule type="cellIs" dxfId="4127" priority="4126" stopIfTrue="1" operator="equal">
      <formula>0</formula>
    </cfRule>
    <cfRule type="cellIs" dxfId="4126" priority="4127" operator="lessThanOrEqual">
      <formula>90</formula>
    </cfRule>
    <cfRule type="cellIs" dxfId="4125" priority="4128" operator="greaterThanOrEqual">
      <formula>110</formula>
    </cfRule>
  </conditionalFormatting>
  <conditionalFormatting sqref="I33">
    <cfRule type="cellIs" dxfId="4124" priority="4123" stopIfTrue="1" operator="equal">
      <formula>0</formula>
    </cfRule>
    <cfRule type="cellIs" dxfId="4123" priority="4124" operator="lessThanOrEqual">
      <formula>90</formula>
    </cfRule>
    <cfRule type="cellIs" dxfId="4122" priority="4125" operator="greaterThanOrEqual">
      <formula>110</formula>
    </cfRule>
  </conditionalFormatting>
  <conditionalFormatting sqref="I34">
    <cfRule type="cellIs" dxfId="4121" priority="4120" stopIfTrue="1" operator="equal">
      <formula>0</formula>
    </cfRule>
    <cfRule type="cellIs" dxfId="4120" priority="4121" operator="lessThanOrEqual">
      <formula>90</formula>
    </cfRule>
    <cfRule type="cellIs" dxfId="4119" priority="4122" operator="greaterThanOrEqual">
      <formula>110</formula>
    </cfRule>
  </conditionalFormatting>
  <conditionalFormatting sqref="I35">
    <cfRule type="cellIs" dxfId="4118" priority="4117" stopIfTrue="1" operator="equal">
      <formula>0</formula>
    </cfRule>
    <cfRule type="cellIs" dxfId="4117" priority="4118" operator="lessThanOrEqual">
      <formula>90</formula>
    </cfRule>
    <cfRule type="cellIs" dxfId="4116" priority="4119" operator="greaterThanOrEqual">
      <formula>110</formula>
    </cfRule>
  </conditionalFormatting>
  <conditionalFormatting sqref="I36">
    <cfRule type="cellIs" dxfId="4115" priority="4114" stopIfTrue="1" operator="equal">
      <formula>0</formula>
    </cfRule>
    <cfRule type="cellIs" dxfId="4114" priority="4115" operator="lessThanOrEqual">
      <formula>90</formula>
    </cfRule>
    <cfRule type="cellIs" dxfId="4113" priority="4116" operator="greaterThanOrEqual">
      <formula>110</formula>
    </cfRule>
  </conditionalFormatting>
  <conditionalFormatting sqref="I37">
    <cfRule type="cellIs" dxfId="4112" priority="4111" stopIfTrue="1" operator="equal">
      <formula>0</formula>
    </cfRule>
    <cfRule type="cellIs" dxfId="4111" priority="4112" operator="lessThanOrEqual">
      <formula>90</formula>
    </cfRule>
    <cfRule type="cellIs" dxfId="4110" priority="4113" operator="greaterThanOrEqual">
      <formula>110</formula>
    </cfRule>
  </conditionalFormatting>
  <conditionalFormatting sqref="I38">
    <cfRule type="cellIs" dxfId="4109" priority="4108" stopIfTrue="1" operator="equal">
      <formula>0</formula>
    </cfRule>
    <cfRule type="cellIs" dxfId="4108" priority="4109" operator="lessThanOrEqual">
      <formula>90</formula>
    </cfRule>
    <cfRule type="cellIs" dxfId="4107" priority="4110" operator="greaterThanOrEqual">
      <formula>110</formula>
    </cfRule>
  </conditionalFormatting>
  <conditionalFormatting sqref="I39">
    <cfRule type="cellIs" dxfId="4106" priority="4105" stopIfTrue="1" operator="equal">
      <formula>0</formula>
    </cfRule>
    <cfRule type="cellIs" dxfId="4105" priority="4106" operator="lessThanOrEqual">
      <formula>90</formula>
    </cfRule>
    <cfRule type="cellIs" dxfId="4104" priority="4107" operator="greaterThanOrEqual">
      <formula>110</formula>
    </cfRule>
  </conditionalFormatting>
  <conditionalFormatting sqref="I40">
    <cfRule type="cellIs" dxfId="4103" priority="4102" stopIfTrue="1" operator="equal">
      <formula>0</formula>
    </cfRule>
    <cfRule type="cellIs" dxfId="4102" priority="4103" operator="lessThanOrEqual">
      <formula>90</formula>
    </cfRule>
    <cfRule type="cellIs" dxfId="4101" priority="4104" operator="greaterThanOrEqual">
      <formula>110</formula>
    </cfRule>
  </conditionalFormatting>
  <conditionalFormatting sqref="I41">
    <cfRule type="cellIs" dxfId="4100" priority="4099" stopIfTrue="1" operator="equal">
      <formula>0</formula>
    </cfRule>
    <cfRule type="cellIs" dxfId="4099" priority="4100" operator="lessThanOrEqual">
      <formula>90</formula>
    </cfRule>
    <cfRule type="cellIs" dxfId="4098" priority="4101" operator="greaterThanOrEqual">
      <formula>110</formula>
    </cfRule>
  </conditionalFormatting>
  <conditionalFormatting sqref="I42">
    <cfRule type="cellIs" dxfId="4097" priority="4096" stopIfTrue="1" operator="equal">
      <formula>0</formula>
    </cfRule>
    <cfRule type="cellIs" dxfId="4096" priority="4097" operator="lessThanOrEqual">
      <formula>90</formula>
    </cfRule>
    <cfRule type="cellIs" dxfId="4095" priority="4098" operator="greaterThanOrEqual">
      <formula>110</formula>
    </cfRule>
  </conditionalFormatting>
  <conditionalFormatting sqref="I43">
    <cfRule type="cellIs" dxfId="4094" priority="4093" stopIfTrue="1" operator="equal">
      <formula>0</formula>
    </cfRule>
    <cfRule type="cellIs" dxfId="4093" priority="4094" operator="lessThanOrEqual">
      <formula>90</formula>
    </cfRule>
    <cfRule type="cellIs" dxfId="4092" priority="4095" operator="greaterThanOrEqual">
      <formula>110</formula>
    </cfRule>
  </conditionalFormatting>
  <conditionalFormatting sqref="I44">
    <cfRule type="cellIs" dxfId="4091" priority="4090" stopIfTrue="1" operator="equal">
      <formula>0</formula>
    </cfRule>
    <cfRule type="cellIs" dxfId="4090" priority="4091" operator="lessThanOrEqual">
      <formula>90</formula>
    </cfRule>
    <cfRule type="cellIs" dxfId="4089" priority="4092" operator="greaterThanOrEqual">
      <formula>110</formula>
    </cfRule>
  </conditionalFormatting>
  <conditionalFormatting sqref="I45">
    <cfRule type="cellIs" dxfId="4088" priority="4087" stopIfTrue="1" operator="equal">
      <formula>0</formula>
    </cfRule>
    <cfRule type="cellIs" dxfId="4087" priority="4088" operator="lessThanOrEqual">
      <formula>90</formula>
    </cfRule>
    <cfRule type="cellIs" dxfId="4086" priority="4089" operator="greaterThanOrEqual">
      <formula>110</formula>
    </cfRule>
  </conditionalFormatting>
  <conditionalFormatting sqref="I46">
    <cfRule type="cellIs" dxfId="4085" priority="4084" stopIfTrue="1" operator="equal">
      <formula>0</formula>
    </cfRule>
    <cfRule type="cellIs" dxfId="4084" priority="4085" operator="lessThanOrEqual">
      <formula>90</formula>
    </cfRule>
    <cfRule type="cellIs" dxfId="4083" priority="4086" operator="greaterThanOrEqual">
      <formula>110</formula>
    </cfRule>
  </conditionalFormatting>
  <conditionalFormatting sqref="I47">
    <cfRule type="cellIs" dxfId="4082" priority="4081" stopIfTrue="1" operator="equal">
      <formula>0</formula>
    </cfRule>
    <cfRule type="cellIs" dxfId="4081" priority="4082" operator="lessThanOrEqual">
      <formula>90</formula>
    </cfRule>
    <cfRule type="cellIs" dxfId="4080" priority="4083" operator="greaterThanOrEqual">
      <formula>110</formula>
    </cfRule>
  </conditionalFormatting>
  <conditionalFormatting sqref="I48">
    <cfRule type="cellIs" dxfId="4079" priority="4078" stopIfTrue="1" operator="equal">
      <formula>0</formula>
    </cfRule>
    <cfRule type="cellIs" dxfId="4078" priority="4079" operator="lessThanOrEqual">
      <formula>90</formula>
    </cfRule>
    <cfRule type="cellIs" dxfId="4077" priority="4080" operator="greaterThanOrEqual">
      <formula>110</formula>
    </cfRule>
  </conditionalFormatting>
  <conditionalFormatting sqref="I49">
    <cfRule type="cellIs" dxfId="4076" priority="4075" stopIfTrue="1" operator="equal">
      <formula>0</formula>
    </cfRule>
    <cfRule type="cellIs" dxfId="4075" priority="4076" operator="lessThanOrEqual">
      <formula>90</formula>
    </cfRule>
    <cfRule type="cellIs" dxfId="4074" priority="4077" operator="greaterThanOrEqual">
      <formula>110</formula>
    </cfRule>
  </conditionalFormatting>
  <conditionalFormatting sqref="I50">
    <cfRule type="cellIs" dxfId="4073" priority="4072" stopIfTrue="1" operator="equal">
      <formula>0</formula>
    </cfRule>
    <cfRule type="cellIs" dxfId="4072" priority="4073" operator="lessThanOrEqual">
      <formula>90</formula>
    </cfRule>
    <cfRule type="cellIs" dxfId="4071" priority="4074" operator="greaterThanOrEqual">
      <formula>110</formula>
    </cfRule>
  </conditionalFormatting>
  <conditionalFormatting sqref="I51">
    <cfRule type="cellIs" dxfId="4070" priority="4069" stopIfTrue="1" operator="equal">
      <formula>0</formula>
    </cfRule>
    <cfRule type="cellIs" dxfId="4069" priority="4070" operator="lessThanOrEqual">
      <formula>90</formula>
    </cfRule>
    <cfRule type="cellIs" dxfId="4068" priority="4071" operator="greaterThanOrEqual">
      <formula>110</formula>
    </cfRule>
  </conditionalFormatting>
  <conditionalFormatting sqref="I52">
    <cfRule type="cellIs" dxfId="4067" priority="4066" stopIfTrue="1" operator="equal">
      <formula>0</formula>
    </cfRule>
    <cfRule type="cellIs" dxfId="4066" priority="4067" operator="lessThanOrEqual">
      <formula>90</formula>
    </cfRule>
    <cfRule type="cellIs" dxfId="4065" priority="4068" operator="greaterThanOrEqual">
      <formula>110</formula>
    </cfRule>
  </conditionalFormatting>
  <conditionalFormatting sqref="I53">
    <cfRule type="cellIs" dxfId="4064" priority="4063" stopIfTrue="1" operator="equal">
      <formula>0</formula>
    </cfRule>
    <cfRule type="cellIs" dxfId="4063" priority="4064" operator="lessThanOrEqual">
      <formula>90</formula>
    </cfRule>
    <cfRule type="cellIs" dxfId="4062" priority="4065" operator="greaterThanOrEqual">
      <formula>110</formula>
    </cfRule>
  </conditionalFormatting>
  <conditionalFormatting sqref="I54">
    <cfRule type="cellIs" dxfId="4061" priority="4060" stopIfTrue="1" operator="equal">
      <formula>0</formula>
    </cfRule>
    <cfRule type="cellIs" dxfId="4060" priority="4061" operator="lessThanOrEqual">
      <formula>90</formula>
    </cfRule>
    <cfRule type="cellIs" dxfId="4059" priority="4062" operator="greaterThanOrEqual">
      <formula>110</formula>
    </cfRule>
  </conditionalFormatting>
  <conditionalFormatting sqref="I55">
    <cfRule type="cellIs" dxfId="4058" priority="4057" stopIfTrue="1" operator="equal">
      <formula>0</formula>
    </cfRule>
    <cfRule type="cellIs" dxfId="4057" priority="4058" operator="lessThanOrEqual">
      <formula>90</formula>
    </cfRule>
    <cfRule type="cellIs" dxfId="4056" priority="4059" operator="greaterThanOrEqual">
      <formula>110</formula>
    </cfRule>
  </conditionalFormatting>
  <conditionalFormatting sqref="I56">
    <cfRule type="cellIs" dxfId="4055" priority="4054" stopIfTrue="1" operator="equal">
      <formula>0</formula>
    </cfRule>
    <cfRule type="cellIs" dxfId="4054" priority="4055" operator="lessThanOrEqual">
      <formula>90</formula>
    </cfRule>
    <cfRule type="cellIs" dxfId="4053" priority="4056" operator="greaterThanOrEqual">
      <formula>110</formula>
    </cfRule>
  </conditionalFormatting>
  <conditionalFormatting sqref="I57">
    <cfRule type="cellIs" dxfId="4052" priority="4051" stopIfTrue="1" operator="equal">
      <formula>0</formula>
    </cfRule>
    <cfRule type="cellIs" dxfId="4051" priority="4052" operator="lessThanOrEqual">
      <formula>90</formula>
    </cfRule>
    <cfRule type="cellIs" dxfId="4050" priority="4053" operator="greaterThanOrEqual">
      <formula>110</formula>
    </cfRule>
  </conditionalFormatting>
  <conditionalFormatting sqref="I58">
    <cfRule type="cellIs" dxfId="4049" priority="4048" stopIfTrue="1" operator="equal">
      <formula>0</formula>
    </cfRule>
    <cfRule type="cellIs" dxfId="4048" priority="4049" operator="lessThanOrEqual">
      <formula>90</formula>
    </cfRule>
    <cfRule type="cellIs" dxfId="4047" priority="4050" operator="greaterThanOrEqual">
      <formula>110</formula>
    </cfRule>
  </conditionalFormatting>
  <conditionalFormatting sqref="I59">
    <cfRule type="cellIs" dxfId="4046" priority="4045" stopIfTrue="1" operator="equal">
      <formula>0</formula>
    </cfRule>
    <cfRule type="cellIs" dxfId="4045" priority="4046" operator="lessThanOrEqual">
      <formula>90</formula>
    </cfRule>
    <cfRule type="cellIs" dxfId="4044" priority="4047" operator="greaterThanOrEqual">
      <formula>110</formula>
    </cfRule>
  </conditionalFormatting>
  <conditionalFormatting sqref="I60">
    <cfRule type="cellIs" dxfId="4043" priority="4042" stopIfTrue="1" operator="equal">
      <formula>0</formula>
    </cfRule>
    <cfRule type="cellIs" dxfId="4042" priority="4043" operator="lessThanOrEqual">
      <formula>90</formula>
    </cfRule>
    <cfRule type="cellIs" dxfId="4041" priority="4044" operator="greaterThanOrEqual">
      <formula>110</formula>
    </cfRule>
  </conditionalFormatting>
  <conditionalFormatting sqref="I61">
    <cfRule type="cellIs" dxfId="4040" priority="4039" stopIfTrue="1" operator="equal">
      <formula>0</formula>
    </cfRule>
    <cfRule type="cellIs" dxfId="4039" priority="4040" operator="lessThanOrEqual">
      <formula>90</formula>
    </cfRule>
    <cfRule type="cellIs" dxfId="4038" priority="4041" operator="greaterThanOrEqual">
      <formula>110</formula>
    </cfRule>
  </conditionalFormatting>
  <conditionalFormatting sqref="I62">
    <cfRule type="cellIs" dxfId="4037" priority="4036" stopIfTrue="1" operator="equal">
      <formula>0</formula>
    </cfRule>
    <cfRule type="cellIs" dxfId="4036" priority="4037" operator="lessThanOrEqual">
      <formula>90</formula>
    </cfRule>
    <cfRule type="cellIs" dxfId="4035" priority="4038" operator="greaterThanOrEqual">
      <formula>110</formula>
    </cfRule>
  </conditionalFormatting>
  <conditionalFormatting sqref="I63">
    <cfRule type="cellIs" dxfId="4034" priority="4033" stopIfTrue="1" operator="equal">
      <formula>0</formula>
    </cfRule>
    <cfRule type="cellIs" dxfId="4033" priority="4034" operator="lessThanOrEqual">
      <formula>90</formula>
    </cfRule>
    <cfRule type="cellIs" dxfId="4032" priority="4035" operator="greaterThanOrEqual">
      <formula>110</formula>
    </cfRule>
  </conditionalFormatting>
  <conditionalFormatting sqref="I64">
    <cfRule type="cellIs" dxfId="4031" priority="4030" stopIfTrue="1" operator="equal">
      <formula>0</formula>
    </cfRule>
    <cfRule type="cellIs" dxfId="4030" priority="4031" operator="lessThanOrEqual">
      <formula>90</formula>
    </cfRule>
    <cfRule type="cellIs" dxfId="4029" priority="4032" operator="greaterThanOrEqual">
      <formula>110</formula>
    </cfRule>
  </conditionalFormatting>
  <conditionalFormatting sqref="I65">
    <cfRule type="cellIs" dxfId="4028" priority="4027" stopIfTrue="1" operator="equal">
      <formula>0</formula>
    </cfRule>
    <cfRule type="cellIs" dxfId="4027" priority="4028" operator="lessThanOrEqual">
      <formula>90</formula>
    </cfRule>
    <cfRule type="cellIs" dxfId="4026" priority="4029" operator="greaterThanOrEqual">
      <formula>110</formula>
    </cfRule>
  </conditionalFormatting>
  <conditionalFormatting sqref="J5">
    <cfRule type="cellIs" dxfId="4025" priority="4024" stopIfTrue="1" operator="equal">
      <formula>0</formula>
    </cfRule>
    <cfRule type="cellIs" dxfId="4024" priority="4025" operator="lessThanOrEqual">
      <formula>90</formula>
    </cfRule>
    <cfRule type="cellIs" dxfId="4023" priority="4026" operator="greaterThanOrEqual">
      <formula>110</formula>
    </cfRule>
  </conditionalFormatting>
  <conditionalFormatting sqref="J6">
    <cfRule type="cellIs" dxfId="4022" priority="4021" stopIfTrue="1" operator="equal">
      <formula>0</formula>
    </cfRule>
    <cfRule type="cellIs" dxfId="4021" priority="4022" operator="lessThanOrEqual">
      <formula>90</formula>
    </cfRule>
    <cfRule type="cellIs" dxfId="4020" priority="4023" operator="greaterThanOrEqual">
      <formula>110</formula>
    </cfRule>
  </conditionalFormatting>
  <conditionalFormatting sqref="J7">
    <cfRule type="cellIs" dxfId="4019" priority="4018" stopIfTrue="1" operator="equal">
      <formula>0</formula>
    </cfRule>
    <cfRule type="cellIs" dxfId="4018" priority="4019" operator="lessThanOrEqual">
      <formula>90</formula>
    </cfRule>
    <cfRule type="cellIs" dxfId="4017" priority="4020" operator="greaterThanOrEqual">
      <formula>110</formula>
    </cfRule>
  </conditionalFormatting>
  <conditionalFormatting sqref="J8">
    <cfRule type="cellIs" dxfId="4016" priority="4015" stopIfTrue="1" operator="equal">
      <formula>0</formula>
    </cfRule>
    <cfRule type="cellIs" dxfId="4015" priority="4016" operator="lessThanOrEqual">
      <formula>90</formula>
    </cfRule>
    <cfRule type="cellIs" dxfId="4014" priority="4017" operator="greaterThanOrEqual">
      <formula>110</formula>
    </cfRule>
  </conditionalFormatting>
  <conditionalFormatting sqref="J9">
    <cfRule type="cellIs" dxfId="4013" priority="4012" stopIfTrue="1" operator="equal">
      <formula>0</formula>
    </cfRule>
    <cfRule type="cellIs" dxfId="4012" priority="4013" operator="lessThanOrEqual">
      <formula>90</formula>
    </cfRule>
    <cfRule type="cellIs" dxfId="4011" priority="4014" operator="greaterThanOrEqual">
      <formula>110</formula>
    </cfRule>
  </conditionalFormatting>
  <conditionalFormatting sqref="J10">
    <cfRule type="cellIs" dxfId="4010" priority="4009" stopIfTrue="1" operator="equal">
      <formula>0</formula>
    </cfRule>
    <cfRule type="cellIs" dxfId="4009" priority="4010" operator="lessThanOrEqual">
      <formula>90</formula>
    </cfRule>
    <cfRule type="cellIs" dxfId="4008" priority="4011" operator="greaterThanOrEqual">
      <formula>110</formula>
    </cfRule>
  </conditionalFormatting>
  <conditionalFormatting sqref="J11">
    <cfRule type="cellIs" dxfId="4007" priority="4006" stopIfTrue="1" operator="equal">
      <formula>0</formula>
    </cfRule>
    <cfRule type="cellIs" dxfId="4006" priority="4007" operator="lessThanOrEqual">
      <formula>90</formula>
    </cfRule>
    <cfRule type="cellIs" dxfId="4005" priority="4008" operator="greaterThanOrEqual">
      <formula>110</formula>
    </cfRule>
  </conditionalFormatting>
  <conditionalFormatting sqref="J12">
    <cfRule type="cellIs" dxfId="4004" priority="4003" stopIfTrue="1" operator="equal">
      <formula>0</formula>
    </cfRule>
    <cfRule type="cellIs" dxfId="4003" priority="4004" operator="lessThanOrEqual">
      <formula>90</formula>
    </cfRule>
    <cfRule type="cellIs" dxfId="4002" priority="4005" operator="greaterThanOrEqual">
      <formula>110</formula>
    </cfRule>
  </conditionalFormatting>
  <conditionalFormatting sqref="J13">
    <cfRule type="cellIs" dxfId="4001" priority="4000" stopIfTrue="1" operator="equal">
      <formula>0</formula>
    </cfRule>
    <cfRule type="cellIs" dxfId="4000" priority="4001" operator="lessThanOrEqual">
      <formula>90</formula>
    </cfRule>
    <cfRule type="cellIs" dxfId="3999" priority="4002" operator="greaterThanOrEqual">
      <formula>110</formula>
    </cfRule>
  </conditionalFormatting>
  <conditionalFormatting sqref="J14">
    <cfRule type="cellIs" dxfId="3998" priority="3997" stopIfTrue="1" operator="equal">
      <formula>0</formula>
    </cfRule>
    <cfRule type="cellIs" dxfId="3997" priority="3998" operator="lessThanOrEqual">
      <formula>90</formula>
    </cfRule>
    <cfRule type="cellIs" dxfId="3996" priority="3999" operator="greaterThanOrEqual">
      <formula>110</formula>
    </cfRule>
  </conditionalFormatting>
  <conditionalFormatting sqref="J15">
    <cfRule type="cellIs" dxfId="3995" priority="3994" stopIfTrue="1" operator="equal">
      <formula>0</formula>
    </cfRule>
    <cfRule type="cellIs" dxfId="3994" priority="3995" operator="lessThanOrEqual">
      <formula>90</formula>
    </cfRule>
    <cfRule type="cellIs" dxfId="3993" priority="3996" operator="greaterThanOrEqual">
      <formula>110</formula>
    </cfRule>
  </conditionalFormatting>
  <conditionalFormatting sqref="J16">
    <cfRule type="cellIs" dxfId="3992" priority="3991" stopIfTrue="1" operator="equal">
      <formula>0</formula>
    </cfRule>
    <cfRule type="cellIs" dxfId="3991" priority="3992" operator="lessThanOrEqual">
      <formula>90</formula>
    </cfRule>
    <cfRule type="cellIs" dxfId="3990" priority="3993" operator="greaterThanOrEqual">
      <formula>110</formula>
    </cfRule>
  </conditionalFormatting>
  <conditionalFormatting sqref="J17">
    <cfRule type="cellIs" dxfId="3989" priority="3988" stopIfTrue="1" operator="equal">
      <formula>0</formula>
    </cfRule>
    <cfRule type="cellIs" dxfId="3988" priority="3989" operator="lessThanOrEqual">
      <formula>90</formula>
    </cfRule>
    <cfRule type="cellIs" dxfId="3987" priority="3990" operator="greaterThanOrEqual">
      <formula>110</formula>
    </cfRule>
  </conditionalFormatting>
  <conditionalFormatting sqref="J18">
    <cfRule type="cellIs" dxfId="3986" priority="3985" stopIfTrue="1" operator="equal">
      <formula>0</formula>
    </cfRule>
    <cfRule type="cellIs" dxfId="3985" priority="3986" operator="lessThanOrEqual">
      <formula>90</formula>
    </cfRule>
    <cfRule type="cellIs" dxfId="3984" priority="3987" operator="greaterThanOrEqual">
      <formula>110</formula>
    </cfRule>
  </conditionalFormatting>
  <conditionalFormatting sqref="J19">
    <cfRule type="cellIs" dxfId="3983" priority="3982" stopIfTrue="1" operator="equal">
      <formula>0</formula>
    </cfRule>
    <cfRule type="cellIs" dxfId="3982" priority="3983" operator="lessThanOrEqual">
      <formula>90</formula>
    </cfRule>
    <cfRule type="cellIs" dxfId="3981" priority="3984" operator="greaterThanOrEqual">
      <formula>110</formula>
    </cfRule>
  </conditionalFormatting>
  <conditionalFormatting sqref="J20">
    <cfRule type="cellIs" dxfId="3980" priority="3979" stopIfTrue="1" operator="equal">
      <formula>0</formula>
    </cfRule>
    <cfRule type="cellIs" dxfId="3979" priority="3980" operator="lessThanOrEqual">
      <formula>90</formula>
    </cfRule>
    <cfRule type="cellIs" dxfId="3978" priority="3981" operator="greaterThanOrEqual">
      <formula>110</formula>
    </cfRule>
  </conditionalFormatting>
  <conditionalFormatting sqref="J21">
    <cfRule type="cellIs" dxfId="3977" priority="3976" stopIfTrue="1" operator="equal">
      <formula>0</formula>
    </cfRule>
    <cfRule type="cellIs" dxfId="3976" priority="3977" operator="lessThanOrEqual">
      <formula>90</formula>
    </cfRule>
    <cfRule type="cellIs" dxfId="3975" priority="3978" operator="greaterThanOrEqual">
      <formula>110</formula>
    </cfRule>
  </conditionalFormatting>
  <conditionalFormatting sqref="J22">
    <cfRule type="cellIs" dxfId="3974" priority="3973" stopIfTrue="1" operator="equal">
      <formula>0</formula>
    </cfRule>
    <cfRule type="cellIs" dxfId="3973" priority="3974" operator="lessThanOrEqual">
      <formula>90</formula>
    </cfRule>
    <cfRule type="cellIs" dxfId="3972" priority="3975" operator="greaterThanOrEqual">
      <formula>110</formula>
    </cfRule>
  </conditionalFormatting>
  <conditionalFormatting sqref="J23">
    <cfRule type="cellIs" dxfId="3971" priority="3970" stopIfTrue="1" operator="equal">
      <formula>0</formula>
    </cfRule>
    <cfRule type="cellIs" dxfId="3970" priority="3971" operator="lessThanOrEqual">
      <formula>90</formula>
    </cfRule>
    <cfRule type="cellIs" dxfId="3969" priority="3972" operator="greaterThanOrEqual">
      <formula>110</formula>
    </cfRule>
  </conditionalFormatting>
  <conditionalFormatting sqref="J24">
    <cfRule type="cellIs" dxfId="3968" priority="3967" stopIfTrue="1" operator="equal">
      <formula>0</formula>
    </cfRule>
    <cfRule type="cellIs" dxfId="3967" priority="3968" operator="lessThanOrEqual">
      <formula>90</formula>
    </cfRule>
    <cfRule type="cellIs" dxfId="3966" priority="3969" operator="greaterThanOrEqual">
      <formula>110</formula>
    </cfRule>
  </conditionalFormatting>
  <conditionalFormatting sqref="J25">
    <cfRule type="cellIs" dxfId="3965" priority="3964" stopIfTrue="1" operator="equal">
      <formula>0</formula>
    </cfRule>
    <cfRule type="cellIs" dxfId="3964" priority="3965" operator="lessThanOrEqual">
      <formula>90</formula>
    </cfRule>
    <cfRule type="cellIs" dxfId="3963" priority="3966" operator="greaterThanOrEqual">
      <formula>110</formula>
    </cfRule>
  </conditionalFormatting>
  <conditionalFormatting sqref="J26">
    <cfRule type="cellIs" dxfId="3962" priority="3961" stopIfTrue="1" operator="equal">
      <formula>0</formula>
    </cfRule>
    <cfRule type="cellIs" dxfId="3961" priority="3962" operator="lessThanOrEqual">
      <formula>90</formula>
    </cfRule>
    <cfRule type="cellIs" dxfId="3960" priority="3963" operator="greaterThanOrEqual">
      <formula>110</formula>
    </cfRule>
  </conditionalFormatting>
  <conditionalFormatting sqref="J27">
    <cfRule type="cellIs" dxfId="3959" priority="3958" stopIfTrue="1" operator="equal">
      <formula>0</formula>
    </cfRule>
    <cfRule type="cellIs" dxfId="3958" priority="3959" operator="lessThanOrEqual">
      <formula>90</formula>
    </cfRule>
    <cfRule type="cellIs" dxfId="3957" priority="3960" operator="greaterThanOrEqual">
      <formula>110</formula>
    </cfRule>
  </conditionalFormatting>
  <conditionalFormatting sqref="J28">
    <cfRule type="cellIs" dxfId="3956" priority="3955" stopIfTrue="1" operator="equal">
      <formula>0</formula>
    </cfRule>
    <cfRule type="cellIs" dxfId="3955" priority="3956" operator="lessThanOrEqual">
      <formula>90</formula>
    </cfRule>
    <cfRule type="cellIs" dxfId="3954" priority="3957" operator="greaterThanOrEqual">
      <formula>110</formula>
    </cfRule>
  </conditionalFormatting>
  <conditionalFormatting sqref="J29">
    <cfRule type="cellIs" dxfId="3953" priority="3952" stopIfTrue="1" operator="equal">
      <formula>0</formula>
    </cfRule>
    <cfRule type="cellIs" dxfId="3952" priority="3953" operator="lessThanOrEqual">
      <formula>90</formula>
    </cfRule>
    <cfRule type="cellIs" dxfId="3951" priority="3954" operator="greaterThanOrEqual">
      <formula>110</formula>
    </cfRule>
  </conditionalFormatting>
  <conditionalFormatting sqref="J30">
    <cfRule type="cellIs" dxfId="3950" priority="3949" stopIfTrue="1" operator="equal">
      <formula>0</formula>
    </cfRule>
    <cfRule type="cellIs" dxfId="3949" priority="3950" operator="lessThanOrEqual">
      <formula>90</formula>
    </cfRule>
    <cfRule type="cellIs" dxfId="3948" priority="3951" operator="greaterThanOrEqual">
      <formula>110</formula>
    </cfRule>
  </conditionalFormatting>
  <conditionalFormatting sqref="J31">
    <cfRule type="cellIs" dxfId="3947" priority="3946" stopIfTrue="1" operator="equal">
      <formula>0</formula>
    </cfRule>
    <cfRule type="cellIs" dxfId="3946" priority="3947" operator="lessThanOrEqual">
      <formula>90</formula>
    </cfRule>
    <cfRule type="cellIs" dxfId="3945" priority="3948" operator="greaterThanOrEqual">
      <formula>110</formula>
    </cfRule>
  </conditionalFormatting>
  <conditionalFormatting sqref="J32">
    <cfRule type="cellIs" dxfId="3944" priority="3943" stopIfTrue="1" operator="equal">
      <formula>0</formula>
    </cfRule>
    <cfRule type="cellIs" dxfId="3943" priority="3944" operator="lessThanOrEqual">
      <formula>90</formula>
    </cfRule>
    <cfRule type="cellIs" dxfId="3942" priority="3945" operator="greaterThanOrEqual">
      <formula>110</formula>
    </cfRule>
  </conditionalFormatting>
  <conditionalFormatting sqref="J33">
    <cfRule type="cellIs" dxfId="3941" priority="3940" stopIfTrue="1" operator="equal">
      <formula>0</formula>
    </cfRule>
    <cfRule type="cellIs" dxfId="3940" priority="3941" operator="lessThanOrEqual">
      <formula>90</formula>
    </cfRule>
    <cfRule type="cellIs" dxfId="3939" priority="3942" operator="greaterThanOrEqual">
      <formula>110</formula>
    </cfRule>
  </conditionalFormatting>
  <conditionalFormatting sqref="J34">
    <cfRule type="cellIs" dxfId="3938" priority="3937" stopIfTrue="1" operator="equal">
      <formula>0</formula>
    </cfRule>
    <cfRule type="cellIs" dxfId="3937" priority="3938" operator="lessThanOrEqual">
      <formula>90</formula>
    </cfRule>
    <cfRule type="cellIs" dxfId="3936" priority="3939" operator="greaterThanOrEqual">
      <formula>110</formula>
    </cfRule>
  </conditionalFormatting>
  <conditionalFormatting sqref="J35">
    <cfRule type="cellIs" dxfId="3935" priority="3934" stopIfTrue="1" operator="equal">
      <formula>0</formula>
    </cfRule>
    <cfRule type="cellIs" dxfId="3934" priority="3935" operator="lessThanOrEqual">
      <formula>90</formula>
    </cfRule>
    <cfRule type="cellIs" dxfId="3933" priority="3936" operator="greaterThanOrEqual">
      <formula>110</formula>
    </cfRule>
  </conditionalFormatting>
  <conditionalFormatting sqref="J36">
    <cfRule type="cellIs" dxfId="3932" priority="3931" stopIfTrue="1" operator="equal">
      <formula>0</formula>
    </cfRule>
    <cfRule type="cellIs" dxfId="3931" priority="3932" operator="lessThanOrEqual">
      <formula>90</formula>
    </cfRule>
    <cfRule type="cellIs" dxfId="3930" priority="3933" operator="greaterThanOrEqual">
      <formula>110</formula>
    </cfRule>
  </conditionalFormatting>
  <conditionalFormatting sqref="J37">
    <cfRule type="cellIs" dxfId="3929" priority="3928" stopIfTrue="1" operator="equal">
      <formula>0</formula>
    </cfRule>
    <cfRule type="cellIs" dxfId="3928" priority="3929" operator="lessThanOrEqual">
      <formula>90</formula>
    </cfRule>
    <cfRule type="cellIs" dxfId="3927" priority="3930" operator="greaterThanOrEqual">
      <formula>110</formula>
    </cfRule>
  </conditionalFormatting>
  <conditionalFormatting sqref="J38">
    <cfRule type="cellIs" dxfId="3926" priority="3925" stopIfTrue="1" operator="equal">
      <formula>0</formula>
    </cfRule>
    <cfRule type="cellIs" dxfId="3925" priority="3926" operator="lessThanOrEqual">
      <formula>90</formula>
    </cfRule>
    <cfRule type="cellIs" dxfId="3924" priority="3927" operator="greaterThanOrEqual">
      <formula>110</formula>
    </cfRule>
  </conditionalFormatting>
  <conditionalFormatting sqref="J39">
    <cfRule type="cellIs" dxfId="3923" priority="3922" stopIfTrue="1" operator="equal">
      <formula>0</formula>
    </cfRule>
    <cfRule type="cellIs" dxfId="3922" priority="3923" operator="lessThanOrEqual">
      <formula>90</formula>
    </cfRule>
    <cfRule type="cellIs" dxfId="3921" priority="3924" operator="greaterThanOrEqual">
      <formula>110</formula>
    </cfRule>
  </conditionalFormatting>
  <conditionalFormatting sqref="J40">
    <cfRule type="cellIs" dxfId="3920" priority="3919" stopIfTrue="1" operator="equal">
      <formula>0</formula>
    </cfRule>
    <cfRule type="cellIs" dxfId="3919" priority="3920" operator="lessThanOrEqual">
      <formula>90</formula>
    </cfRule>
    <cfRule type="cellIs" dxfId="3918" priority="3921" operator="greaterThanOrEqual">
      <formula>110</formula>
    </cfRule>
  </conditionalFormatting>
  <conditionalFormatting sqref="J41">
    <cfRule type="cellIs" dxfId="3917" priority="3916" stopIfTrue="1" operator="equal">
      <formula>0</formula>
    </cfRule>
    <cfRule type="cellIs" dxfId="3916" priority="3917" operator="lessThanOrEqual">
      <formula>90</formula>
    </cfRule>
    <cfRule type="cellIs" dxfId="3915" priority="3918" operator="greaterThanOrEqual">
      <formula>110</formula>
    </cfRule>
  </conditionalFormatting>
  <conditionalFormatting sqref="J42">
    <cfRule type="cellIs" dxfId="3914" priority="3913" stopIfTrue="1" operator="equal">
      <formula>0</formula>
    </cfRule>
    <cfRule type="cellIs" dxfId="3913" priority="3914" operator="lessThanOrEqual">
      <formula>90</formula>
    </cfRule>
    <cfRule type="cellIs" dxfId="3912" priority="3915" operator="greaterThanOrEqual">
      <formula>110</formula>
    </cfRule>
  </conditionalFormatting>
  <conditionalFormatting sqref="J43">
    <cfRule type="cellIs" dxfId="3911" priority="3910" stopIfTrue="1" operator="equal">
      <formula>0</formula>
    </cfRule>
    <cfRule type="cellIs" dxfId="3910" priority="3911" operator="lessThanOrEqual">
      <formula>90</formula>
    </cfRule>
    <cfRule type="cellIs" dxfId="3909" priority="3912" operator="greaterThanOrEqual">
      <formula>110</formula>
    </cfRule>
  </conditionalFormatting>
  <conditionalFormatting sqref="J44">
    <cfRule type="cellIs" dxfId="3908" priority="3907" stopIfTrue="1" operator="equal">
      <formula>0</formula>
    </cfRule>
    <cfRule type="cellIs" dxfId="3907" priority="3908" operator="lessThanOrEqual">
      <formula>90</formula>
    </cfRule>
    <cfRule type="cellIs" dxfId="3906" priority="3909" operator="greaterThanOrEqual">
      <formula>110</formula>
    </cfRule>
  </conditionalFormatting>
  <conditionalFormatting sqref="J45">
    <cfRule type="cellIs" dxfId="3905" priority="3904" stopIfTrue="1" operator="equal">
      <formula>0</formula>
    </cfRule>
    <cfRule type="cellIs" dxfId="3904" priority="3905" operator="lessThanOrEqual">
      <formula>90</formula>
    </cfRule>
    <cfRule type="cellIs" dxfId="3903" priority="3906" operator="greaterThanOrEqual">
      <formula>110</formula>
    </cfRule>
  </conditionalFormatting>
  <conditionalFormatting sqref="J46">
    <cfRule type="cellIs" dxfId="3902" priority="3901" stopIfTrue="1" operator="equal">
      <formula>0</formula>
    </cfRule>
    <cfRule type="cellIs" dxfId="3901" priority="3902" operator="lessThanOrEqual">
      <formula>90</formula>
    </cfRule>
    <cfRule type="cellIs" dxfId="3900" priority="3903" operator="greaterThanOrEqual">
      <formula>110</formula>
    </cfRule>
  </conditionalFormatting>
  <conditionalFormatting sqref="J47">
    <cfRule type="cellIs" dxfId="3899" priority="3898" stopIfTrue="1" operator="equal">
      <formula>0</formula>
    </cfRule>
    <cfRule type="cellIs" dxfId="3898" priority="3899" operator="lessThanOrEqual">
      <formula>90</formula>
    </cfRule>
    <cfRule type="cellIs" dxfId="3897" priority="3900" operator="greaterThanOrEqual">
      <formula>110</formula>
    </cfRule>
  </conditionalFormatting>
  <conditionalFormatting sqref="J48">
    <cfRule type="cellIs" dxfId="3896" priority="3895" stopIfTrue="1" operator="equal">
      <formula>0</formula>
    </cfRule>
    <cfRule type="cellIs" dxfId="3895" priority="3896" operator="lessThanOrEqual">
      <formula>90</formula>
    </cfRule>
    <cfRule type="cellIs" dxfId="3894" priority="3897" operator="greaterThanOrEqual">
      <formula>110</formula>
    </cfRule>
  </conditionalFormatting>
  <conditionalFormatting sqref="J49">
    <cfRule type="cellIs" dxfId="3893" priority="3892" stopIfTrue="1" operator="equal">
      <formula>0</formula>
    </cfRule>
    <cfRule type="cellIs" dxfId="3892" priority="3893" operator="lessThanOrEqual">
      <formula>90</formula>
    </cfRule>
    <cfRule type="cellIs" dxfId="3891" priority="3894" operator="greaterThanOrEqual">
      <formula>110</formula>
    </cfRule>
  </conditionalFormatting>
  <conditionalFormatting sqref="J50">
    <cfRule type="cellIs" dxfId="3890" priority="3889" stopIfTrue="1" operator="equal">
      <formula>0</formula>
    </cfRule>
    <cfRule type="cellIs" dxfId="3889" priority="3890" operator="lessThanOrEqual">
      <formula>90</formula>
    </cfRule>
    <cfRule type="cellIs" dxfId="3888" priority="3891" operator="greaterThanOrEqual">
      <formula>110</formula>
    </cfRule>
  </conditionalFormatting>
  <conditionalFormatting sqref="J51">
    <cfRule type="cellIs" dxfId="3887" priority="3886" stopIfTrue="1" operator="equal">
      <formula>0</formula>
    </cfRule>
    <cfRule type="cellIs" dxfId="3886" priority="3887" operator="lessThanOrEqual">
      <formula>90</formula>
    </cfRule>
    <cfRule type="cellIs" dxfId="3885" priority="3888" operator="greaterThanOrEqual">
      <formula>110</formula>
    </cfRule>
  </conditionalFormatting>
  <conditionalFormatting sqref="J52">
    <cfRule type="cellIs" dxfId="3884" priority="3883" stopIfTrue="1" operator="equal">
      <formula>0</formula>
    </cfRule>
    <cfRule type="cellIs" dxfId="3883" priority="3884" operator="lessThanOrEqual">
      <formula>90</formula>
    </cfRule>
    <cfRule type="cellIs" dxfId="3882" priority="3885" operator="greaterThanOrEqual">
      <formula>110</formula>
    </cfRule>
  </conditionalFormatting>
  <conditionalFormatting sqref="J53">
    <cfRule type="cellIs" dxfId="3881" priority="3880" stopIfTrue="1" operator="equal">
      <formula>0</formula>
    </cfRule>
    <cfRule type="cellIs" dxfId="3880" priority="3881" operator="lessThanOrEqual">
      <formula>90</formula>
    </cfRule>
    <cfRule type="cellIs" dxfId="3879" priority="3882" operator="greaterThanOrEqual">
      <formula>110</formula>
    </cfRule>
  </conditionalFormatting>
  <conditionalFormatting sqref="J54">
    <cfRule type="cellIs" dxfId="3878" priority="3877" stopIfTrue="1" operator="equal">
      <formula>0</formula>
    </cfRule>
    <cfRule type="cellIs" dxfId="3877" priority="3878" operator="lessThanOrEqual">
      <formula>90</formula>
    </cfRule>
    <cfRule type="cellIs" dxfId="3876" priority="3879" operator="greaterThanOrEqual">
      <formula>110</formula>
    </cfRule>
  </conditionalFormatting>
  <conditionalFormatting sqref="J55">
    <cfRule type="cellIs" dxfId="3875" priority="3874" stopIfTrue="1" operator="equal">
      <formula>0</formula>
    </cfRule>
    <cfRule type="cellIs" dxfId="3874" priority="3875" operator="lessThanOrEqual">
      <formula>90</formula>
    </cfRule>
    <cfRule type="cellIs" dxfId="3873" priority="3876" operator="greaterThanOrEqual">
      <formula>110</formula>
    </cfRule>
  </conditionalFormatting>
  <conditionalFormatting sqref="J56">
    <cfRule type="cellIs" dxfId="3872" priority="3871" stopIfTrue="1" operator="equal">
      <formula>0</formula>
    </cfRule>
    <cfRule type="cellIs" dxfId="3871" priority="3872" operator="lessThanOrEqual">
      <formula>90</formula>
    </cfRule>
    <cfRule type="cellIs" dxfId="3870" priority="3873" operator="greaterThanOrEqual">
      <formula>110</formula>
    </cfRule>
  </conditionalFormatting>
  <conditionalFormatting sqref="J57">
    <cfRule type="cellIs" dxfId="3869" priority="3868" stopIfTrue="1" operator="equal">
      <formula>0</formula>
    </cfRule>
    <cfRule type="cellIs" dxfId="3868" priority="3869" operator="lessThanOrEqual">
      <formula>90</formula>
    </cfRule>
    <cfRule type="cellIs" dxfId="3867" priority="3870" operator="greaterThanOrEqual">
      <formula>110</formula>
    </cfRule>
  </conditionalFormatting>
  <conditionalFormatting sqref="J58">
    <cfRule type="cellIs" dxfId="3866" priority="3865" stopIfTrue="1" operator="equal">
      <formula>0</formula>
    </cfRule>
    <cfRule type="cellIs" dxfId="3865" priority="3866" operator="lessThanOrEqual">
      <formula>90</formula>
    </cfRule>
    <cfRule type="cellIs" dxfId="3864" priority="3867" operator="greaterThanOrEqual">
      <formula>110</formula>
    </cfRule>
  </conditionalFormatting>
  <conditionalFormatting sqref="J59">
    <cfRule type="cellIs" dxfId="3863" priority="3862" stopIfTrue="1" operator="equal">
      <formula>0</formula>
    </cfRule>
    <cfRule type="cellIs" dxfId="3862" priority="3863" operator="lessThanOrEqual">
      <formula>90</formula>
    </cfRule>
    <cfRule type="cellIs" dxfId="3861" priority="3864" operator="greaterThanOrEqual">
      <formula>110</formula>
    </cfRule>
  </conditionalFormatting>
  <conditionalFormatting sqref="J60">
    <cfRule type="cellIs" dxfId="3860" priority="3859" stopIfTrue="1" operator="equal">
      <formula>0</formula>
    </cfRule>
    <cfRule type="cellIs" dxfId="3859" priority="3860" operator="lessThanOrEqual">
      <formula>90</formula>
    </cfRule>
    <cfRule type="cellIs" dxfId="3858" priority="3861" operator="greaterThanOrEqual">
      <formula>110</formula>
    </cfRule>
  </conditionalFormatting>
  <conditionalFormatting sqref="J61">
    <cfRule type="cellIs" dxfId="3857" priority="3856" stopIfTrue="1" operator="equal">
      <formula>0</formula>
    </cfRule>
    <cfRule type="cellIs" dxfId="3856" priority="3857" operator="lessThanOrEqual">
      <formula>90</formula>
    </cfRule>
    <cfRule type="cellIs" dxfId="3855" priority="3858" operator="greaterThanOrEqual">
      <formula>110</formula>
    </cfRule>
  </conditionalFormatting>
  <conditionalFormatting sqref="J62">
    <cfRule type="cellIs" dxfId="3854" priority="3853" stopIfTrue="1" operator="equal">
      <formula>0</formula>
    </cfRule>
    <cfRule type="cellIs" dxfId="3853" priority="3854" operator="lessThanOrEqual">
      <formula>90</formula>
    </cfRule>
    <cfRule type="cellIs" dxfId="3852" priority="3855" operator="greaterThanOrEqual">
      <formula>110</formula>
    </cfRule>
  </conditionalFormatting>
  <conditionalFormatting sqref="J63">
    <cfRule type="cellIs" dxfId="3851" priority="3850" stopIfTrue="1" operator="equal">
      <formula>0</formula>
    </cfRule>
    <cfRule type="cellIs" dxfId="3850" priority="3851" operator="lessThanOrEqual">
      <formula>90</formula>
    </cfRule>
    <cfRule type="cellIs" dxfId="3849" priority="3852" operator="greaterThanOrEqual">
      <formula>110</formula>
    </cfRule>
  </conditionalFormatting>
  <conditionalFormatting sqref="J64">
    <cfRule type="cellIs" dxfId="3848" priority="3847" stopIfTrue="1" operator="equal">
      <formula>0</formula>
    </cfRule>
    <cfRule type="cellIs" dxfId="3847" priority="3848" operator="lessThanOrEqual">
      <formula>90</formula>
    </cfRule>
    <cfRule type="cellIs" dxfId="3846" priority="3849" operator="greaterThanOrEqual">
      <formula>110</formula>
    </cfRule>
  </conditionalFormatting>
  <conditionalFormatting sqref="J65">
    <cfRule type="cellIs" dxfId="3845" priority="3844" stopIfTrue="1" operator="equal">
      <formula>0</formula>
    </cfRule>
    <cfRule type="cellIs" dxfId="3844" priority="3845" operator="lessThanOrEqual">
      <formula>90</formula>
    </cfRule>
    <cfRule type="cellIs" dxfId="3843" priority="3846" operator="greaterThanOrEqual">
      <formula>110</formula>
    </cfRule>
  </conditionalFormatting>
  <conditionalFormatting sqref="K5">
    <cfRule type="cellIs" dxfId="3842" priority="3841" stopIfTrue="1" operator="equal">
      <formula>0</formula>
    </cfRule>
    <cfRule type="cellIs" dxfId="3841" priority="3842" operator="lessThanOrEqual">
      <formula>90</formula>
    </cfRule>
    <cfRule type="cellIs" dxfId="3840" priority="3843" operator="greaterThanOrEqual">
      <formula>110</formula>
    </cfRule>
  </conditionalFormatting>
  <conditionalFormatting sqref="K6">
    <cfRule type="cellIs" dxfId="3839" priority="3838" stopIfTrue="1" operator="equal">
      <formula>0</formula>
    </cfRule>
    <cfRule type="cellIs" dxfId="3838" priority="3839" operator="lessThanOrEqual">
      <formula>90</formula>
    </cfRule>
    <cfRule type="cellIs" dxfId="3837" priority="3840" operator="greaterThanOrEqual">
      <formula>110</formula>
    </cfRule>
  </conditionalFormatting>
  <conditionalFormatting sqref="K7">
    <cfRule type="cellIs" dxfId="3836" priority="3835" stopIfTrue="1" operator="equal">
      <formula>0</formula>
    </cfRule>
    <cfRule type="cellIs" dxfId="3835" priority="3836" operator="lessThanOrEqual">
      <formula>90</formula>
    </cfRule>
    <cfRule type="cellIs" dxfId="3834" priority="3837" operator="greaterThanOrEqual">
      <formula>110</formula>
    </cfRule>
  </conditionalFormatting>
  <conditionalFormatting sqref="K8">
    <cfRule type="cellIs" dxfId="3833" priority="3832" stopIfTrue="1" operator="equal">
      <formula>0</formula>
    </cfRule>
    <cfRule type="cellIs" dxfId="3832" priority="3833" operator="lessThanOrEqual">
      <formula>90</formula>
    </cfRule>
    <cfRule type="cellIs" dxfId="3831" priority="3834" operator="greaterThanOrEqual">
      <formula>110</formula>
    </cfRule>
  </conditionalFormatting>
  <conditionalFormatting sqref="K9">
    <cfRule type="cellIs" dxfId="3830" priority="3829" stopIfTrue="1" operator="equal">
      <formula>0</formula>
    </cfRule>
    <cfRule type="cellIs" dxfId="3829" priority="3830" operator="lessThanOrEqual">
      <formula>90</formula>
    </cfRule>
    <cfRule type="cellIs" dxfId="3828" priority="3831" operator="greaterThanOrEqual">
      <formula>110</formula>
    </cfRule>
  </conditionalFormatting>
  <conditionalFormatting sqref="K10">
    <cfRule type="cellIs" dxfId="3827" priority="3826" stopIfTrue="1" operator="equal">
      <formula>0</formula>
    </cfRule>
    <cfRule type="cellIs" dxfId="3826" priority="3827" operator="lessThanOrEqual">
      <formula>90</formula>
    </cfRule>
    <cfRule type="cellIs" dxfId="3825" priority="3828" operator="greaterThanOrEqual">
      <formula>110</formula>
    </cfRule>
  </conditionalFormatting>
  <conditionalFormatting sqref="K11">
    <cfRule type="cellIs" dxfId="3824" priority="3823" stopIfTrue="1" operator="equal">
      <formula>0</formula>
    </cfRule>
    <cfRule type="cellIs" dxfId="3823" priority="3824" operator="lessThanOrEqual">
      <formula>90</formula>
    </cfRule>
    <cfRule type="cellIs" dxfId="3822" priority="3825" operator="greaterThanOrEqual">
      <formula>110</formula>
    </cfRule>
  </conditionalFormatting>
  <conditionalFormatting sqref="K12">
    <cfRule type="cellIs" dxfId="3821" priority="3820" stopIfTrue="1" operator="equal">
      <formula>0</formula>
    </cfRule>
    <cfRule type="cellIs" dxfId="3820" priority="3821" operator="lessThanOrEqual">
      <formula>90</formula>
    </cfRule>
    <cfRule type="cellIs" dxfId="3819" priority="3822" operator="greaterThanOrEqual">
      <formula>110</formula>
    </cfRule>
  </conditionalFormatting>
  <conditionalFormatting sqref="K13">
    <cfRule type="cellIs" dxfId="3818" priority="3817" stopIfTrue="1" operator="equal">
      <formula>0</formula>
    </cfRule>
    <cfRule type="cellIs" dxfId="3817" priority="3818" operator="lessThanOrEqual">
      <formula>90</formula>
    </cfRule>
    <cfRule type="cellIs" dxfId="3816" priority="3819" operator="greaterThanOrEqual">
      <formula>110</formula>
    </cfRule>
  </conditionalFormatting>
  <conditionalFormatting sqref="K14">
    <cfRule type="cellIs" dxfId="3815" priority="3814" stopIfTrue="1" operator="equal">
      <formula>0</formula>
    </cfRule>
    <cfRule type="cellIs" dxfId="3814" priority="3815" operator="lessThanOrEqual">
      <formula>90</formula>
    </cfRule>
    <cfRule type="cellIs" dxfId="3813" priority="3816" operator="greaterThanOrEqual">
      <formula>110</formula>
    </cfRule>
  </conditionalFormatting>
  <conditionalFormatting sqref="K15">
    <cfRule type="cellIs" dxfId="3812" priority="3811" stopIfTrue="1" operator="equal">
      <formula>0</formula>
    </cfRule>
    <cfRule type="cellIs" dxfId="3811" priority="3812" operator="lessThanOrEqual">
      <formula>90</formula>
    </cfRule>
    <cfRule type="cellIs" dxfId="3810" priority="3813" operator="greaterThanOrEqual">
      <formula>110</formula>
    </cfRule>
  </conditionalFormatting>
  <conditionalFormatting sqref="K16">
    <cfRule type="cellIs" dxfId="3809" priority="3808" stopIfTrue="1" operator="equal">
      <formula>0</formula>
    </cfRule>
    <cfRule type="cellIs" dxfId="3808" priority="3809" operator="lessThanOrEqual">
      <formula>90</formula>
    </cfRule>
    <cfRule type="cellIs" dxfId="3807" priority="3810" operator="greaterThanOrEqual">
      <formula>110</formula>
    </cfRule>
  </conditionalFormatting>
  <conditionalFormatting sqref="K17">
    <cfRule type="cellIs" dxfId="3806" priority="3805" stopIfTrue="1" operator="equal">
      <formula>0</formula>
    </cfRule>
    <cfRule type="cellIs" dxfId="3805" priority="3806" operator="lessThanOrEqual">
      <formula>90</formula>
    </cfRule>
    <cfRule type="cellIs" dxfId="3804" priority="3807" operator="greaterThanOrEqual">
      <formula>110</formula>
    </cfRule>
  </conditionalFormatting>
  <conditionalFormatting sqref="K18">
    <cfRule type="cellIs" dxfId="3803" priority="3802" stopIfTrue="1" operator="equal">
      <formula>0</formula>
    </cfRule>
    <cfRule type="cellIs" dxfId="3802" priority="3803" operator="lessThanOrEqual">
      <formula>90</formula>
    </cfRule>
    <cfRule type="cellIs" dxfId="3801" priority="3804" operator="greaterThanOrEqual">
      <formula>110</formula>
    </cfRule>
  </conditionalFormatting>
  <conditionalFormatting sqref="K19">
    <cfRule type="cellIs" dxfId="3800" priority="3799" stopIfTrue="1" operator="equal">
      <formula>0</formula>
    </cfRule>
    <cfRule type="cellIs" dxfId="3799" priority="3800" operator="lessThanOrEqual">
      <formula>90</formula>
    </cfRule>
    <cfRule type="cellIs" dxfId="3798" priority="3801" operator="greaterThanOrEqual">
      <formula>110</formula>
    </cfRule>
  </conditionalFormatting>
  <conditionalFormatting sqref="K20">
    <cfRule type="cellIs" dxfId="3797" priority="3796" stopIfTrue="1" operator="equal">
      <formula>0</formula>
    </cfRule>
    <cfRule type="cellIs" dxfId="3796" priority="3797" operator="lessThanOrEqual">
      <formula>90</formula>
    </cfRule>
    <cfRule type="cellIs" dxfId="3795" priority="3798" operator="greaterThanOrEqual">
      <formula>110</formula>
    </cfRule>
  </conditionalFormatting>
  <conditionalFormatting sqref="K21">
    <cfRule type="cellIs" dxfId="3794" priority="3793" stopIfTrue="1" operator="equal">
      <formula>0</formula>
    </cfRule>
    <cfRule type="cellIs" dxfId="3793" priority="3794" operator="lessThanOrEqual">
      <formula>90</formula>
    </cfRule>
    <cfRule type="cellIs" dxfId="3792" priority="3795" operator="greaterThanOrEqual">
      <formula>110</formula>
    </cfRule>
  </conditionalFormatting>
  <conditionalFormatting sqref="K22">
    <cfRule type="cellIs" dxfId="3791" priority="3790" stopIfTrue="1" operator="equal">
      <formula>0</formula>
    </cfRule>
    <cfRule type="cellIs" dxfId="3790" priority="3791" operator="lessThanOrEqual">
      <formula>90</formula>
    </cfRule>
    <cfRule type="cellIs" dxfId="3789" priority="3792" operator="greaterThanOrEqual">
      <formula>110</formula>
    </cfRule>
  </conditionalFormatting>
  <conditionalFormatting sqref="K23">
    <cfRule type="cellIs" dxfId="3788" priority="3787" stopIfTrue="1" operator="equal">
      <formula>0</formula>
    </cfRule>
    <cfRule type="cellIs" dxfId="3787" priority="3788" operator="lessThanOrEqual">
      <formula>90</formula>
    </cfRule>
    <cfRule type="cellIs" dxfId="3786" priority="3789" operator="greaterThanOrEqual">
      <formula>110</formula>
    </cfRule>
  </conditionalFormatting>
  <conditionalFormatting sqref="K24">
    <cfRule type="cellIs" dxfId="3785" priority="3784" stopIfTrue="1" operator="equal">
      <formula>0</formula>
    </cfRule>
    <cfRule type="cellIs" dxfId="3784" priority="3785" operator="lessThanOrEqual">
      <formula>90</formula>
    </cfRule>
    <cfRule type="cellIs" dxfId="3783" priority="3786" operator="greaterThanOrEqual">
      <formula>110</formula>
    </cfRule>
  </conditionalFormatting>
  <conditionalFormatting sqref="K25">
    <cfRule type="cellIs" dxfId="3782" priority="3781" stopIfTrue="1" operator="equal">
      <formula>0</formula>
    </cfRule>
    <cfRule type="cellIs" dxfId="3781" priority="3782" operator="lessThanOrEqual">
      <formula>90</formula>
    </cfRule>
    <cfRule type="cellIs" dxfId="3780" priority="3783" operator="greaterThanOrEqual">
      <formula>110</formula>
    </cfRule>
  </conditionalFormatting>
  <conditionalFormatting sqref="K26">
    <cfRule type="cellIs" dxfId="3779" priority="3778" stopIfTrue="1" operator="equal">
      <formula>0</formula>
    </cfRule>
    <cfRule type="cellIs" dxfId="3778" priority="3779" operator="lessThanOrEqual">
      <formula>90</formula>
    </cfRule>
    <cfRule type="cellIs" dxfId="3777" priority="3780" operator="greaterThanOrEqual">
      <formula>110</formula>
    </cfRule>
  </conditionalFormatting>
  <conditionalFormatting sqref="K27">
    <cfRule type="cellIs" dxfId="3776" priority="3775" stopIfTrue="1" operator="equal">
      <formula>0</formula>
    </cfRule>
    <cfRule type="cellIs" dxfId="3775" priority="3776" operator="lessThanOrEqual">
      <formula>90</formula>
    </cfRule>
    <cfRule type="cellIs" dxfId="3774" priority="3777" operator="greaterThanOrEqual">
      <formula>110</formula>
    </cfRule>
  </conditionalFormatting>
  <conditionalFormatting sqref="K28">
    <cfRule type="cellIs" dxfId="3773" priority="3772" stopIfTrue="1" operator="equal">
      <formula>0</formula>
    </cfRule>
    <cfRule type="cellIs" dxfId="3772" priority="3773" operator="lessThanOrEqual">
      <formula>90</formula>
    </cfRule>
    <cfRule type="cellIs" dxfId="3771" priority="3774" operator="greaterThanOrEqual">
      <formula>110</formula>
    </cfRule>
  </conditionalFormatting>
  <conditionalFormatting sqref="K29">
    <cfRule type="cellIs" dxfId="3770" priority="3769" stopIfTrue="1" operator="equal">
      <formula>0</formula>
    </cfRule>
    <cfRule type="cellIs" dxfId="3769" priority="3770" operator="lessThanOrEqual">
      <formula>90</formula>
    </cfRule>
    <cfRule type="cellIs" dxfId="3768" priority="3771" operator="greaterThanOrEqual">
      <formula>110</formula>
    </cfRule>
  </conditionalFormatting>
  <conditionalFormatting sqref="K30">
    <cfRule type="cellIs" dxfId="3767" priority="3766" stopIfTrue="1" operator="equal">
      <formula>0</formula>
    </cfRule>
    <cfRule type="cellIs" dxfId="3766" priority="3767" operator="lessThanOrEqual">
      <formula>90</formula>
    </cfRule>
    <cfRule type="cellIs" dxfId="3765" priority="3768" operator="greaterThanOrEqual">
      <formula>110</formula>
    </cfRule>
  </conditionalFormatting>
  <conditionalFormatting sqref="K31">
    <cfRule type="cellIs" dxfId="3764" priority="3763" stopIfTrue="1" operator="equal">
      <formula>0</formula>
    </cfRule>
    <cfRule type="cellIs" dxfId="3763" priority="3764" operator="lessThanOrEqual">
      <formula>90</formula>
    </cfRule>
    <cfRule type="cellIs" dxfId="3762" priority="3765" operator="greaterThanOrEqual">
      <formula>110</formula>
    </cfRule>
  </conditionalFormatting>
  <conditionalFormatting sqref="K32">
    <cfRule type="cellIs" dxfId="3761" priority="3760" stopIfTrue="1" operator="equal">
      <formula>0</formula>
    </cfRule>
    <cfRule type="cellIs" dxfId="3760" priority="3761" operator="lessThanOrEqual">
      <formula>90</formula>
    </cfRule>
    <cfRule type="cellIs" dxfId="3759" priority="3762" operator="greaterThanOrEqual">
      <formula>110</formula>
    </cfRule>
  </conditionalFormatting>
  <conditionalFormatting sqref="K33">
    <cfRule type="cellIs" dxfId="3758" priority="3757" stopIfTrue="1" operator="equal">
      <formula>0</formula>
    </cfRule>
    <cfRule type="cellIs" dxfId="3757" priority="3758" operator="lessThanOrEqual">
      <formula>90</formula>
    </cfRule>
    <cfRule type="cellIs" dxfId="3756" priority="3759" operator="greaterThanOrEqual">
      <formula>110</formula>
    </cfRule>
  </conditionalFormatting>
  <conditionalFormatting sqref="K34">
    <cfRule type="cellIs" dxfId="3755" priority="3754" stopIfTrue="1" operator="equal">
      <formula>0</formula>
    </cfRule>
    <cfRule type="cellIs" dxfId="3754" priority="3755" operator="lessThanOrEqual">
      <formula>90</formula>
    </cfRule>
    <cfRule type="cellIs" dxfId="3753" priority="3756" operator="greaterThanOrEqual">
      <formula>110</formula>
    </cfRule>
  </conditionalFormatting>
  <conditionalFormatting sqref="K35">
    <cfRule type="cellIs" dxfId="3752" priority="3751" stopIfTrue="1" operator="equal">
      <formula>0</formula>
    </cfRule>
    <cfRule type="cellIs" dxfId="3751" priority="3752" operator="lessThanOrEqual">
      <formula>90</formula>
    </cfRule>
    <cfRule type="cellIs" dxfId="3750" priority="3753" operator="greaterThanOrEqual">
      <formula>110</formula>
    </cfRule>
  </conditionalFormatting>
  <conditionalFormatting sqref="K36">
    <cfRule type="cellIs" dxfId="3749" priority="3748" stopIfTrue="1" operator="equal">
      <formula>0</formula>
    </cfRule>
    <cfRule type="cellIs" dxfId="3748" priority="3749" operator="lessThanOrEqual">
      <formula>90</formula>
    </cfRule>
    <cfRule type="cellIs" dxfId="3747" priority="3750" operator="greaterThanOrEqual">
      <formula>110</formula>
    </cfRule>
  </conditionalFormatting>
  <conditionalFormatting sqref="K37">
    <cfRule type="cellIs" dxfId="3746" priority="3745" stopIfTrue="1" operator="equal">
      <formula>0</formula>
    </cfRule>
    <cfRule type="cellIs" dxfId="3745" priority="3746" operator="lessThanOrEqual">
      <formula>90</formula>
    </cfRule>
    <cfRule type="cellIs" dxfId="3744" priority="3747" operator="greaterThanOrEqual">
      <formula>110</formula>
    </cfRule>
  </conditionalFormatting>
  <conditionalFormatting sqref="K38">
    <cfRule type="cellIs" dxfId="3743" priority="3742" stopIfTrue="1" operator="equal">
      <formula>0</formula>
    </cfRule>
    <cfRule type="cellIs" dxfId="3742" priority="3743" operator="lessThanOrEqual">
      <formula>90</formula>
    </cfRule>
    <cfRule type="cellIs" dxfId="3741" priority="3744" operator="greaterThanOrEqual">
      <formula>110</formula>
    </cfRule>
  </conditionalFormatting>
  <conditionalFormatting sqref="K39">
    <cfRule type="cellIs" dxfId="3740" priority="3739" stopIfTrue="1" operator="equal">
      <formula>0</formula>
    </cfRule>
    <cfRule type="cellIs" dxfId="3739" priority="3740" operator="lessThanOrEqual">
      <formula>90</formula>
    </cfRule>
    <cfRule type="cellIs" dxfId="3738" priority="3741" operator="greaterThanOrEqual">
      <formula>110</formula>
    </cfRule>
  </conditionalFormatting>
  <conditionalFormatting sqref="K40">
    <cfRule type="cellIs" dxfId="3737" priority="3736" stopIfTrue="1" operator="equal">
      <formula>0</formula>
    </cfRule>
    <cfRule type="cellIs" dxfId="3736" priority="3737" operator="lessThanOrEqual">
      <formula>90</formula>
    </cfRule>
    <cfRule type="cellIs" dxfId="3735" priority="3738" operator="greaterThanOrEqual">
      <formula>110</formula>
    </cfRule>
  </conditionalFormatting>
  <conditionalFormatting sqref="K41">
    <cfRule type="cellIs" dxfId="3734" priority="3733" stopIfTrue="1" operator="equal">
      <formula>0</formula>
    </cfRule>
    <cfRule type="cellIs" dxfId="3733" priority="3734" operator="lessThanOrEqual">
      <formula>90</formula>
    </cfRule>
    <cfRule type="cellIs" dxfId="3732" priority="3735" operator="greaterThanOrEqual">
      <formula>110</formula>
    </cfRule>
  </conditionalFormatting>
  <conditionalFormatting sqref="K42">
    <cfRule type="cellIs" dxfId="3731" priority="3730" stopIfTrue="1" operator="equal">
      <formula>0</formula>
    </cfRule>
    <cfRule type="cellIs" dxfId="3730" priority="3731" operator="lessThanOrEqual">
      <formula>90</formula>
    </cfRule>
    <cfRule type="cellIs" dxfId="3729" priority="3732" operator="greaterThanOrEqual">
      <formula>110</formula>
    </cfRule>
  </conditionalFormatting>
  <conditionalFormatting sqref="K43">
    <cfRule type="cellIs" dxfId="3728" priority="3727" stopIfTrue="1" operator="equal">
      <formula>0</formula>
    </cfRule>
    <cfRule type="cellIs" dxfId="3727" priority="3728" operator="lessThanOrEqual">
      <formula>90</formula>
    </cfRule>
    <cfRule type="cellIs" dxfId="3726" priority="3729" operator="greaterThanOrEqual">
      <formula>110</formula>
    </cfRule>
  </conditionalFormatting>
  <conditionalFormatting sqref="K44">
    <cfRule type="cellIs" dxfId="3725" priority="3724" stopIfTrue="1" operator="equal">
      <formula>0</formula>
    </cfRule>
    <cfRule type="cellIs" dxfId="3724" priority="3725" operator="lessThanOrEqual">
      <formula>90</formula>
    </cfRule>
    <cfRule type="cellIs" dxfId="3723" priority="3726" operator="greaterThanOrEqual">
      <formula>110</formula>
    </cfRule>
  </conditionalFormatting>
  <conditionalFormatting sqref="K45">
    <cfRule type="cellIs" dxfId="3722" priority="3721" stopIfTrue="1" operator="equal">
      <formula>0</formula>
    </cfRule>
    <cfRule type="cellIs" dxfId="3721" priority="3722" operator="lessThanOrEqual">
      <formula>90</formula>
    </cfRule>
    <cfRule type="cellIs" dxfId="3720" priority="3723" operator="greaterThanOrEqual">
      <formula>110</formula>
    </cfRule>
  </conditionalFormatting>
  <conditionalFormatting sqref="K46">
    <cfRule type="cellIs" dxfId="3719" priority="3718" stopIfTrue="1" operator="equal">
      <formula>0</formula>
    </cfRule>
    <cfRule type="cellIs" dxfId="3718" priority="3719" operator="lessThanOrEqual">
      <formula>90</formula>
    </cfRule>
    <cfRule type="cellIs" dxfId="3717" priority="3720" operator="greaterThanOrEqual">
      <formula>110</formula>
    </cfRule>
  </conditionalFormatting>
  <conditionalFormatting sqref="K47">
    <cfRule type="cellIs" dxfId="3716" priority="3715" stopIfTrue="1" operator="equal">
      <formula>0</formula>
    </cfRule>
    <cfRule type="cellIs" dxfId="3715" priority="3716" operator="lessThanOrEqual">
      <formula>90</formula>
    </cfRule>
    <cfRule type="cellIs" dxfId="3714" priority="3717" operator="greaterThanOrEqual">
      <formula>110</formula>
    </cfRule>
  </conditionalFormatting>
  <conditionalFormatting sqref="K48">
    <cfRule type="cellIs" dxfId="3713" priority="3712" stopIfTrue="1" operator="equal">
      <formula>0</formula>
    </cfRule>
    <cfRule type="cellIs" dxfId="3712" priority="3713" operator="lessThanOrEqual">
      <formula>90</formula>
    </cfRule>
    <cfRule type="cellIs" dxfId="3711" priority="3714" operator="greaterThanOrEqual">
      <formula>110</formula>
    </cfRule>
  </conditionalFormatting>
  <conditionalFormatting sqref="K49">
    <cfRule type="cellIs" dxfId="3710" priority="3709" stopIfTrue="1" operator="equal">
      <formula>0</formula>
    </cfRule>
    <cfRule type="cellIs" dxfId="3709" priority="3710" operator="lessThanOrEqual">
      <formula>90</formula>
    </cfRule>
    <cfRule type="cellIs" dxfId="3708" priority="3711" operator="greaterThanOrEqual">
      <formula>110</formula>
    </cfRule>
  </conditionalFormatting>
  <conditionalFormatting sqref="K50">
    <cfRule type="cellIs" dxfId="3707" priority="3706" stopIfTrue="1" operator="equal">
      <formula>0</formula>
    </cfRule>
    <cfRule type="cellIs" dxfId="3706" priority="3707" operator="lessThanOrEqual">
      <formula>90</formula>
    </cfRule>
    <cfRule type="cellIs" dxfId="3705" priority="3708" operator="greaterThanOrEqual">
      <formula>110</formula>
    </cfRule>
  </conditionalFormatting>
  <conditionalFormatting sqref="K51">
    <cfRule type="cellIs" dxfId="3704" priority="3703" stopIfTrue="1" operator="equal">
      <formula>0</formula>
    </cfRule>
    <cfRule type="cellIs" dxfId="3703" priority="3704" operator="lessThanOrEqual">
      <formula>90</formula>
    </cfRule>
    <cfRule type="cellIs" dxfId="3702" priority="3705" operator="greaterThanOrEqual">
      <formula>110</formula>
    </cfRule>
  </conditionalFormatting>
  <conditionalFormatting sqref="K52">
    <cfRule type="cellIs" dxfId="3701" priority="3700" stopIfTrue="1" operator="equal">
      <formula>0</formula>
    </cfRule>
    <cfRule type="cellIs" dxfId="3700" priority="3701" operator="lessThanOrEqual">
      <formula>90</formula>
    </cfRule>
    <cfRule type="cellIs" dxfId="3699" priority="3702" operator="greaterThanOrEqual">
      <formula>110</formula>
    </cfRule>
  </conditionalFormatting>
  <conditionalFormatting sqref="K53">
    <cfRule type="cellIs" dxfId="3698" priority="3697" stopIfTrue="1" operator="equal">
      <formula>0</formula>
    </cfRule>
    <cfRule type="cellIs" dxfId="3697" priority="3698" operator="lessThanOrEqual">
      <formula>90</formula>
    </cfRule>
    <cfRule type="cellIs" dxfId="3696" priority="3699" operator="greaterThanOrEqual">
      <formula>110</formula>
    </cfRule>
  </conditionalFormatting>
  <conditionalFormatting sqref="K54">
    <cfRule type="cellIs" dxfId="3695" priority="3694" stopIfTrue="1" operator="equal">
      <formula>0</formula>
    </cfRule>
    <cfRule type="cellIs" dxfId="3694" priority="3695" operator="lessThanOrEqual">
      <formula>90</formula>
    </cfRule>
    <cfRule type="cellIs" dxfId="3693" priority="3696" operator="greaterThanOrEqual">
      <formula>110</formula>
    </cfRule>
  </conditionalFormatting>
  <conditionalFormatting sqref="K55">
    <cfRule type="cellIs" dxfId="3692" priority="3691" stopIfTrue="1" operator="equal">
      <formula>0</formula>
    </cfRule>
    <cfRule type="cellIs" dxfId="3691" priority="3692" operator="lessThanOrEqual">
      <formula>90</formula>
    </cfRule>
    <cfRule type="cellIs" dxfId="3690" priority="3693" operator="greaterThanOrEqual">
      <formula>110</formula>
    </cfRule>
  </conditionalFormatting>
  <conditionalFormatting sqref="K56">
    <cfRule type="cellIs" dxfId="3689" priority="3688" stopIfTrue="1" operator="equal">
      <formula>0</formula>
    </cfRule>
    <cfRule type="cellIs" dxfId="3688" priority="3689" operator="lessThanOrEqual">
      <formula>90</formula>
    </cfRule>
    <cfRule type="cellIs" dxfId="3687" priority="3690" operator="greaterThanOrEqual">
      <formula>110</formula>
    </cfRule>
  </conditionalFormatting>
  <conditionalFormatting sqref="K57">
    <cfRule type="cellIs" dxfId="3686" priority="3685" stopIfTrue="1" operator="equal">
      <formula>0</formula>
    </cfRule>
    <cfRule type="cellIs" dxfId="3685" priority="3686" operator="lessThanOrEqual">
      <formula>90</formula>
    </cfRule>
    <cfRule type="cellIs" dxfId="3684" priority="3687" operator="greaterThanOrEqual">
      <formula>110</formula>
    </cfRule>
  </conditionalFormatting>
  <conditionalFormatting sqref="K58">
    <cfRule type="cellIs" dxfId="3683" priority="3682" stopIfTrue="1" operator="equal">
      <formula>0</formula>
    </cfRule>
    <cfRule type="cellIs" dxfId="3682" priority="3683" operator="lessThanOrEqual">
      <formula>90</formula>
    </cfRule>
    <cfRule type="cellIs" dxfId="3681" priority="3684" operator="greaterThanOrEqual">
      <formula>110</formula>
    </cfRule>
  </conditionalFormatting>
  <conditionalFormatting sqref="K59">
    <cfRule type="cellIs" dxfId="3680" priority="3679" stopIfTrue="1" operator="equal">
      <formula>0</formula>
    </cfRule>
    <cfRule type="cellIs" dxfId="3679" priority="3680" operator="lessThanOrEqual">
      <formula>90</formula>
    </cfRule>
    <cfRule type="cellIs" dxfId="3678" priority="3681" operator="greaterThanOrEqual">
      <formula>110</formula>
    </cfRule>
  </conditionalFormatting>
  <conditionalFormatting sqref="K60">
    <cfRule type="cellIs" dxfId="3677" priority="3676" stopIfTrue="1" operator="equal">
      <formula>0</formula>
    </cfRule>
    <cfRule type="cellIs" dxfId="3676" priority="3677" operator="lessThanOrEqual">
      <formula>90</formula>
    </cfRule>
    <cfRule type="cellIs" dxfId="3675" priority="3678" operator="greaterThanOrEqual">
      <formula>110</formula>
    </cfRule>
  </conditionalFormatting>
  <conditionalFormatting sqref="K61">
    <cfRule type="cellIs" dxfId="3674" priority="3673" stopIfTrue="1" operator="equal">
      <formula>0</formula>
    </cfRule>
    <cfRule type="cellIs" dxfId="3673" priority="3674" operator="lessThanOrEqual">
      <formula>90</formula>
    </cfRule>
    <cfRule type="cellIs" dxfId="3672" priority="3675" operator="greaterThanOrEqual">
      <formula>110</formula>
    </cfRule>
  </conditionalFormatting>
  <conditionalFormatting sqref="K62">
    <cfRule type="cellIs" dxfId="3671" priority="3670" stopIfTrue="1" operator="equal">
      <formula>0</formula>
    </cfRule>
    <cfRule type="cellIs" dxfId="3670" priority="3671" operator="lessThanOrEqual">
      <formula>90</formula>
    </cfRule>
    <cfRule type="cellIs" dxfId="3669" priority="3672" operator="greaterThanOrEqual">
      <formula>110</formula>
    </cfRule>
  </conditionalFormatting>
  <conditionalFormatting sqref="K63">
    <cfRule type="cellIs" dxfId="3668" priority="3667" stopIfTrue="1" operator="equal">
      <formula>0</formula>
    </cfRule>
    <cfRule type="cellIs" dxfId="3667" priority="3668" operator="lessThanOrEqual">
      <formula>90</formula>
    </cfRule>
    <cfRule type="cellIs" dxfId="3666" priority="3669" operator="greaterThanOrEqual">
      <formula>110</formula>
    </cfRule>
  </conditionalFormatting>
  <conditionalFormatting sqref="K64">
    <cfRule type="cellIs" dxfId="3665" priority="3664" stopIfTrue="1" operator="equal">
      <formula>0</formula>
    </cfRule>
    <cfRule type="cellIs" dxfId="3664" priority="3665" operator="lessThanOrEqual">
      <formula>90</formula>
    </cfRule>
    <cfRule type="cellIs" dxfId="3663" priority="3666" operator="greaterThanOrEqual">
      <formula>110</formula>
    </cfRule>
  </conditionalFormatting>
  <conditionalFormatting sqref="K65">
    <cfRule type="cellIs" dxfId="3662" priority="3661" stopIfTrue="1" operator="equal">
      <formula>0</formula>
    </cfRule>
    <cfRule type="cellIs" dxfId="3661" priority="3662" operator="lessThanOrEqual">
      <formula>90</formula>
    </cfRule>
    <cfRule type="cellIs" dxfId="3660" priority="3663" operator="greaterThanOrEqual">
      <formula>110</formula>
    </cfRule>
  </conditionalFormatting>
  <conditionalFormatting sqref="L5">
    <cfRule type="cellIs" dxfId="3659" priority="3658" stopIfTrue="1" operator="equal">
      <formula>0</formula>
    </cfRule>
    <cfRule type="cellIs" dxfId="3658" priority="3659" operator="lessThanOrEqual">
      <formula>90</formula>
    </cfRule>
    <cfRule type="cellIs" dxfId="3657" priority="3660" operator="greaterThanOrEqual">
      <formula>110</formula>
    </cfRule>
  </conditionalFormatting>
  <conditionalFormatting sqref="L6">
    <cfRule type="cellIs" dxfId="3656" priority="3655" stopIfTrue="1" operator="equal">
      <formula>0</formula>
    </cfRule>
    <cfRule type="cellIs" dxfId="3655" priority="3656" operator="lessThanOrEqual">
      <formula>90</formula>
    </cfRule>
    <cfRule type="cellIs" dxfId="3654" priority="3657" operator="greaterThanOrEqual">
      <formula>110</formula>
    </cfRule>
  </conditionalFormatting>
  <conditionalFormatting sqref="L7">
    <cfRule type="cellIs" dxfId="3653" priority="3652" stopIfTrue="1" operator="equal">
      <formula>0</formula>
    </cfRule>
    <cfRule type="cellIs" dxfId="3652" priority="3653" operator="lessThanOrEqual">
      <formula>90</formula>
    </cfRule>
    <cfRule type="cellIs" dxfId="3651" priority="3654" operator="greaterThanOrEqual">
      <formula>110</formula>
    </cfRule>
  </conditionalFormatting>
  <conditionalFormatting sqref="L8">
    <cfRule type="cellIs" dxfId="3650" priority="3649" stopIfTrue="1" operator="equal">
      <formula>0</formula>
    </cfRule>
    <cfRule type="cellIs" dxfId="3649" priority="3650" operator="lessThanOrEqual">
      <formula>90</formula>
    </cfRule>
    <cfRule type="cellIs" dxfId="3648" priority="3651" operator="greaterThanOrEqual">
      <formula>110</formula>
    </cfRule>
  </conditionalFormatting>
  <conditionalFormatting sqref="L9">
    <cfRule type="cellIs" dxfId="3647" priority="3646" stopIfTrue="1" operator="equal">
      <formula>0</formula>
    </cfRule>
    <cfRule type="cellIs" dxfId="3646" priority="3647" operator="lessThanOrEqual">
      <formula>90</formula>
    </cfRule>
    <cfRule type="cellIs" dxfId="3645" priority="3648" operator="greaterThanOrEqual">
      <formula>110</formula>
    </cfRule>
  </conditionalFormatting>
  <conditionalFormatting sqref="L10">
    <cfRule type="cellIs" dxfId="3644" priority="3643" stopIfTrue="1" operator="equal">
      <formula>0</formula>
    </cfRule>
    <cfRule type="cellIs" dxfId="3643" priority="3644" operator="lessThanOrEqual">
      <formula>90</formula>
    </cfRule>
    <cfRule type="cellIs" dxfId="3642" priority="3645" operator="greaterThanOrEqual">
      <formula>110</formula>
    </cfRule>
  </conditionalFormatting>
  <conditionalFormatting sqref="L11">
    <cfRule type="cellIs" dxfId="3641" priority="3640" stopIfTrue="1" operator="equal">
      <formula>0</formula>
    </cfRule>
    <cfRule type="cellIs" dxfId="3640" priority="3641" operator="lessThanOrEqual">
      <formula>90</formula>
    </cfRule>
    <cfRule type="cellIs" dxfId="3639" priority="3642" operator="greaterThanOrEqual">
      <formula>110</formula>
    </cfRule>
  </conditionalFormatting>
  <conditionalFormatting sqref="L12">
    <cfRule type="cellIs" dxfId="3638" priority="3637" stopIfTrue="1" operator="equal">
      <formula>0</formula>
    </cfRule>
    <cfRule type="cellIs" dxfId="3637" priority="3638" operator="lessThanOrEqual">
      <formula>90</formula>
    </cfRule>
    <cfRule type="cellIs" dxfId="3636" priority="3639" operator="greaterThanOrEqual">
      <formula>110</formula>
    </cfRule>
  </conditionalFormatting>
  <conditionalFormatting sqref="L13">
    <cfRule type="cellIs" dxfId="3635" priority="3634" stopIfTrue="1" operator="equal">
      <formula>0</formula>
    </cfRule>
    <cfRule type="cellIs" dxfId="3634" priority="3635" operator="lessThanOrEqual">
      <formula>90</formula>
    </cfRule>
    <cfRule type="cellIs" dxfId="3633" priority="3636" operator="greaterThanOrEqual">
      <formula>110</formula>
    </cfRule>
  </conditionalFormatting>
  <conditionalFormatting sqref="L14">
    <cfRule type="cellIs" dxfId="3632" priority="3631" stopIfTrue="1" operator="equal">
      <formula>0</formula>
    </cfRule>
    <cfRule type="cellIs" dxfId="3631" priority="3632" operator="lessThanOrEqual">
      <formula>90</formula>
    </cfRule>
    <cfRule type="cellIs" dxfId="3630" priority="3633" operator="greaterThanOrEqual">
      <formula>110</formula>
    </cfRule>
  </conditionalFormatting>
  <conditionalFormatting sqref="L15">
    <cfRule type="cellIs" dxfId="3629" priority="3628" stopIfTrue="1" operator="equal">
      <formula>0</formula>
    </cfRule>
    <cfRule type="cellIs" dxfId="3628" priority="3629" operator="lessThanOrEqual">
      <formula>90</formula>
    </cfRule>
    <cfRule type="cellIs" dxfId="3627" priority="3630" operator="greaterThanOrEqual">
      <formula>110</formula>
    </cfRule>
  </conditionalFormatting>
  <conditionalFormatting sqref="L16">
    <cfRule type="cellIs" dxfId="3626" priority="3625" stopIfTrue="1" operator="equal">
      <formula>0</formula>
    </cfRule>
    <cfRule type="cellIs" dxfId="3625" priority="3626" operator="lessThanOrEqual">
      <formula>90</formula>
    </cfRule>
    <cfRule type="cellIs" dxfId="3624" priority="3627" operator="greaterThanOrEqual">
      <formula>110</formula>
    </cfRule>
  </conditionalFormatting>
  <conditionalFormatting sqref="L17">
    <cfRule type="cellIs" dxfId="3623" priority="3622" stopIfTrue="1" operator="equal">
      <formula>0</formula>
    </cfRule>
    <cfRule type="cellIs" dxfId="3622" priority="3623" operator="lessThanOrEqual">
      <formula>90</formula>
    </cfRule>
    <cfRule type="cellIs" dxfId="3621" priority="3624" operator="greaterThanOrEqual">
      <formula>110</formula>
    </cfRule>
  </conditionalFormatting>
  <conditionalFormatting sqref="L18">
    <cfRule type="cellIs" dxfId="3620" priority="3619" stopIfTrue="1" operator="equal">
      <formula>0</formula>
    </cfRule>
    <cfRule type="cellIs" dxfId="3619" priority="3620" operator="lessThanOrEqual">
      <formula>90</formula>
    </cfRule>
    <cfRule type="cellIs" dxfId="3618" priority="3621" operator="greaterThanOrEqual">
      <formula>110</formula>
    </cfRule>
  </conditionalFormatting>
  <conditionalFormatting sqref="L19">
    <cfRule type="cellIs" dxfId="3617" priority="3616" stopIfTrue="1" operator="equal">
      <formula>0</formula>
    </cfRule>
    <cfRule type="cellIs" dxfId="3616" priority="3617" operator="lessThanOrEqual">
      <formula>90</formula>
    </cfRule>
    <cfRule type="cellIs" dxfId="3615" priority="3618" operator="greaterThanOrEqual">
      <formula>110</formula>
    </cfRule>
  </conditionalFormatting>
  <conditionalFormatting sqref="L20">
    <cfRule type="cellIs" dxfId="3614" priority="3613" stopIfTrue="1" operator="equal">
      <formula>0</formula>
    </cfRule>
    <cfRule type="cellIs" dxfId="3613" priority="3614" operator="lessThanOrEqual">
      <formula>90</formula>
    </cfRule>
    <cfRule type="cellIs" dxfId="3612" priority="3615" operator="greaterThanOrEqual">
      <formula>110</formula>
    </cfRule>
  </conditionalFormatting>
  <conditionalFormatting sqref="L21">
    <cfRule type="cellIs" dxfId="3611" priority="3610" stopIfTrue="1" operator="equal">
      <formula>0</formula>
    </cfRule>
    <cfRule type="cellIs" dxfId="3610" priority="3611" operator="lessThanOrEqual">
      <formula>90</formula>
    </cfRule>
    <cfRule type="cellIs" dxfId="3609" priority="3612" operator="greaterThanOrEqual">
      <formula>110</formula>
    </cfRule>
  </conditionalFormatting>
  <conditionalFormatting sqref="L22">
    <cfRule type="cellIs" dxfId="3608" priority="3607" stopIfTrue="1" operator="equal">
      <formula>0</formula>
    </cfRule>
    <cfRule type="cellIs" dxfId="3607" priority="3608" operator="lessThanOrEqual">
      <formula>90</formula>
    </cfRule>
    <cfRule type="cellIs" dxfId="3606" priority="3609" operator="greaterThanOrEqual">
      <formula>110</formula>
    </cfRule>
  </conditionalFormatting>
  <conditionalFormatting sqref="L23">
    <cfRule type="cellIs" dxfId="3605" priority="3604" stopIfTrue="1" operator="equal">
      <formula>0</formula>
    </cfRule>
    <cfRule type="cellIs" dxfId="3604" priority="3605" operator="lessThanOrEqual">
      <formula>90</formula>
    </cfRule>
    <cfRule type="cellIs" dxfId="3603" priority="3606" operator="greaterThanOrEqual">
      <formula>110</formula>
    </cfRule>
  </conditionalFormatting>
  <conditionalFormatting sqref="L24">
    <cfRule type="cellIs" dxfId="3602" priority="3601" stopIfTrue="1" operator="equal">
      <formula>0</formula>
    </cfRule>
    <cfRule type="cellIs" dxfId="3601" priority="3602" operator="lessThanOrEqual">
      <formula>90</formula>
    </cfRule>
    <cfRule type="cellIs" dxfId="3600" priority="3603" operator="greaterThanOrEqual">
      <formula>110</formula>
    </cfRule>
  </conditionalFormatting>
  <conditionalFormatting sqref="L25">
    <cfRule type="cellIs" dxfId="3599" priority="3598" stopIfTrue="1" operator="equal">
      <formula>0</formula>
    </cfRule>
    <cfRule type="cellIs" dxfId="3598" priority="3599" operator="lessThanOrEqual">
      <formula>90</formula>
    </cfRule>
    <cfRule type="cellIs" dxfId="3597" priority="3600" operator="greaterThanOrEqual">
      <formula>110</formula>
    </cfRule>
  </conditionalFormatting>
  <conditionalFormatting sqref="L26">
    <cfRule type="cellIs" dxfId="3596" priority="3595" stopIfTrue="1" operator="equal">
      <formula>0</formula>
    </cfRule>
    <cfRule type="cellIs" dxfId="3595" priority="3596" operator="lessThanOrEqual">
      <formula>90</formula>
    </cfRule>
    <cfRule type="cellIs" dxfId="3594" priority="3597" operator="greaterThanOrEqual">
      <formula>110</formula>
    </cfRule>
  </conditionalFormatting>
  <conditionalFormatting sqref="L27">
    <cfRule type="cellIs" dxfId="3593" priority="3592" stopIfTrue="1" operator="equal">
      <formula>0</formula>
    </cfRule>
    <cfRule type="cellIs" dxfId="3592" priority="3593" operator="lessThanOrEqual">
      <formula>90</formula>
    </cfRule>
    <cfRule type="cellIs" dxfId="3591" priority="3594" operator="greaterThanOrEqual">
      <formula>110</formula>
    </cfRule>
  </conditionalFormatting>
  <conditionalFormatting sqref="L28">
    <cfRule type="cellIs" dxfId="3590" priority="3589" stopIfTrue="1" operator="equal">
      <formula>0</formula>
    </cfRule>
    <cfRule type="cellIs" dxfId="3589" priority="3590" operator="lessThanOrEqual">
      <formula>90</formula>
    </cfRule>
    <cfRule type="cellIs" dxfId="3588" priority="3591" operator="greaterThanOrEqual">
      <formula>110</formula>
    </cfRule>
  </conditionalFormatting>
  <conditionalFormatting sqref="L29">
    <cfRule type="cellIs" dxfId="3587" priority="3586" stopIfTrue="1" operator="equal">
      <formula>0</formula>
    </cfRule>
    <cfRule type="cellIs" dxfId="3586" priority="3587" operator="lessThanOrEqual">
      <formula>90</formula>
    </cfRule>
    <cfRule type="cellIs" dxfId="3585" priority="3588" operator="greaterThanOrEqual">
      <formula>110</formula>
    </cfRule>
  </conditionalFormatting>
  <conditionalFormatting sqref="L30">
    <cfRule type="cellIs" dxfId="3584" priority="3583" stopIfTrue="1" operator="equal">
      <formula>0</formula>
    </cfRule>
    <cfRule type="cellIs" dxfId="3583" priority="3584" operator="lessThanOrEqual">
      <formula>90</formula>
    </cfRule>
    <cfRule type="cellIs" dxfId="3582" priority="3585" operator="greaterThanOrEqual">
      <formula>110</formula>
    </cfRule>
  </conditionalFormatting>
  <conditionalFormatting sqref="L31">
    <cfRule type="cellIs" dxfId="3581" priority="3580" stopIfTrue="1" operator="equal">
      <formula>0</formula>
    </cfRule>
    <cfRule type="cellIs" dxfId="3580" priority="3581" operator="lessThanOrEqual">
      <formula>90</formula>
    </cfRule>
    <cfRule type="cellIs" dxfId="3579" priority="3582" operator="greaterThanOrEqual">
      <formula>110</formula>
    </cfRule>
  </conditionalFormatting>
  <conditionalFormatting sqref="L32">
    <cfRule type="cellIs" dxfId="3578" priority="3577" stopIfTrue="1" operator="equal">
      <formula>0</formula>
    </cfRule>
    <cfRule type="cellIs" dxfId="3577" priority="3578" operator="lessThanOrEqual">
      <formula>90</formula>
    </cfRule>
    <cfRule type="cellIs" dxfId="3576" priority="3579" operator="greaterThanOrEqual">
      <formula>110</formula>
    </cfRule>
  </conditionalFormatting>
  <conditionalFormatting sqref="L33">
    <cfRule type="cellIs" dxfId="3575" priority="3574" stopIfTrue="1" operator="equal">
      <formula>0</formula>
    </cfRule>
    <cfRule type="cellIs" dxfId="3574" priority="3575" operator="lessThanOrEqual">
      <formula>90</formula>
    </cfRule>
    <cfRule type="cellIs" dxfId="3573" priority="3576" operator="greaterThanOrEqual">
      <formula>110</formula>
    </cfRule>
  </conditionalFormatting>
  <conditionalFormatting sqref="L34">
    <cfRule type="cellIs" dxfId="3572" priority="3571" stopIfTrue="1" operator="equal">
      <formula>0</formula>
    </cfRule>
    <cfRule type="cellIs" dxfId="3571" priority="3572" operator="lessThanOrEqual">
      <formula>90</formula>
    </cfRule>
    <cfRule type="cellIs" dxfId="3570" priority="3573" operator="greaterThanOrEqual">
      <formula>110</formula>
    </cfRule>
  </conditionalFormatting>
  <conditionalFormatting sqref="L35">
    <cfRule type="cellIs" dxfId="3569" priority="3568" stopIfTrue="1" operator="equal">
      <formula>0</formula>
    </cfRule>
    <cfRule type="cellIs" dxfId="3568" priority="3569" operator="lessThanOrEqual">
      <formula>90</formula>
    </cfRule>
    <cfRule type="cellIs" dxfId="3567" priority="3570" operator="greaterThanOrEqual">
      <formula>110</formula>
    </cfRule>
  </conditionalFormatting>
  <conditionalFormatting sqref="L36">
    <cfRule type="cellIs" dxfId="3566" priority="3565" stopIfTrue="1" operator="equal">
      <formula>0</formula>
    </cfRule>
    <cfRule type="cellIs" dxfId="3565" priority="3566" operator="lessThanOrEqual">
      <formula>90</formula>
    </cfRule>
    <cfRule type="cellIs" dxfId="3564" priority="3567" operator="greaterThanOrEqual">
      <formula>110</formula>
    </cfRule>
  </conditionalFormatting>
  <conditionalFormatting sqref="L37">
    <cfRule type="cellIs" dxfId="3563" priority="3562" stopIfTrue="1" operator="equal">
      <formula>0</formula>
    </cfRule>
    <cfRule type="cellIs" dxfId="3562" priority="3563" operator="lessThanOrEqual">
      <formula>90</formula>
    </cfRule>
    <cfRule type="cellIs" dxfId="3561" priority="3564" operator="greaterThanOrEqual">
      <formula>110</formula>
    </cfRule>
  </conditionalFormatting>
  <conditionalFormatting sqref="L38">
    <cfRule type="cellIs" dxfId="3560" priority="3559" stopIfTrue="1" operator="equal">
      <formula>0</formula>
    </cfRule>
    <cfRule type="cellIs" dxfId="3559" priority="3560" operator="lessThanOrEqual">
      <formula>90</formula>
    </cfRule>
    <cfRule type="cellIs" dxfId="3558" priority="3561" operator="greaterThanOrEqual">
      <formula>110</formula>
    </cfRule>
  </conditionalFormatting>
  <conditionalFormatting sqref="L39">
    <cfRule type="cellIs" dxfId="3557" priority="3556" stopIfTrue="1" operator="equal">
      <formula>0</formula>
    </cfRule>
    <cfRule type="cellIs" dxfId="3556" priority="3557" operator="lessThanOrEqual">
      <formula>90</formula>
    </cfRule>
    <cfRule type="cellIs" dxfId="3555" priority="3558" operator="greaterThanOrEqual">
      <formula>110</formula>
    </cfRule>
  </conditionalFormatting>
  <conditionalFormatting sqref="L40">
    <cfRule type="cellIs" dxfId="3554" priority="3553" stopIfTrue="1" operator="equal">
      <formula>0</formula>
    </cfRule>
    <cfRule type="cellIs" dxfId="3553" priority="3554" operator="lessThanOrEqual">
      <formula>90</formula>
    </cfRule>
    <cfRule type="cellIs" dxfId="3552" priority="3555" operator="greaterThanOrEqual">
      <formula>110</formula>
    </cfRule>
  </conditionalFormatting>
  <conditionalFormatting sqref="L41">
    <cfRule type="cellIs" dxfId="3551" priority="3550" stopIfTrue="1" operator="equal">
      <formula>0</formula>
    </cfRule>
    <cfRule type="cellIs" dxfId="3550" priority="3551" operator="lessThanOrEqual">
      <formula>90</formula>
    </cfRule>
    <cfRule type="cellIs" dxfId="3549" priority="3552" operator="greaterThanOrEqual">
      <formula>110</formula>
    </cfRule>
  </conditionalFormatting>
  <conditionalFormatting sqref="L42">
    <cfRule type="cellIs" dxfId="3548" priority="3547" stopIfTrue="1" operator="equal">
      <formula>0</formula>
    </cfRule>
    <cfRule type="cellIs" dxfId="3547" priority="3548" operator="lessThanOrEqual">
      <formula>90</formula>
    </cfRule>
    <cfRule type="cellIs" dxfId="3546" priority="3549" operator="greaterThanOrEqual">
      <formula>110</formula>
    </cfRule>
  </conditionalFormatting>
  <conditionalFormatting sqref="L43">
    <cfRule type="cellIs" dxfId="3545" priority="3544" stopIfTrue="1" operator="equal">
      <formula>0</formula>
    </cfRule>
    <cfRule type="cellIs" dxfId="3544" priority="3545" operator="lessThanOrEqual">
      <formula>90</formula>
    </cfRule>
    <cfRule type="cellIs" dxfId="3543" priority="3546" operator="greaterThanOrEqual">
      <formula>110</formula>
    </cfRule>
  </conditionalFormatting>
  <conditionalFormatting sqref="L44">
    <cfRule type="cellIs" dxfId="3542" priority="3541" stopIfTrue="1" operator="equal">
      <formula>0</formula>
    </cfRule>
    <cfRule type="cellIs" dxfId="3541" priority="3542" operator="lessThanOrEqual">
      <formula>90</formula>
    </cfRule>
    <cfRule type="cellIs" dxfId="3540" priority="3543" operator="greaterThanOrEqual">
      <formula>110</formula>
    </cfRule>
  </conditionalFormatting>
  <conditionalFormatting sqref="L45">
    <cfRule type="cellIs" dxfId="3539" priority="3538" stopIfTrue="1" operator="equal">
      <formula>0</formula>
    </cfRule>
    <cfRule type="cellIs" dxfId="3538" priority="3539" operator="lessThanOrEqual">
      <formula>90</formula>
    </cfRule>
    <cfRule type="cellIs" dxfId="3537" priority="3540" operator="greaterThanOrEqual">
      <formula>110</formula>
    </cfRule>
  </conditionalFormatting>
  <conditionalFormatting sqref="L46">
    <cfRule type="cellIs" dxfId="3536" priority="3535" stopIfTrue="1" operator="equal">
      <formula>0</formula>
    </cfRule>
    <cfRule type="cellIs" dxfId="3535" priority="3536" operator="lessThanOrEqual">
      <formula>90</formula>
    </cfRule>
    <cfRule type="cellIs" dxfId="3534" priority="3537" operator="greaterThanOrEqual">
      <formula>110</formula>
    </cfRule>
  </conditionalFormatting>
  <conditionalFormatting sqref="L47">
    <cfRule type="cellIs" dxfId="3533" priority="3532" stopIfTrue="1" operator="equal">
      <formula>0</formula>
    </cfRule>
    <cfRule type="cellIs" dxfId="3532" priority="3533" operator="lessThanOrEqual">
      <formula>90</formula>
    </cfRule>
    <cfRule type="cellIs" dxfId="3531" priority="3534" operator="greaterThanOrEqual">
      <formula>110</formula>
    </cfRule>
  </conditionalFormatting>
  <conditionalFormatting sqref="L48">
    <cfRule type="cellIs" dxfId="3530" priority="3529" stopIfTrue="1" operator="equal">
      <formula>0</formula>
    </cfRule>
    <cfRule type="cellIs" dxfId="3529" priority="3530" operator="lessThanOrEqual">
      <formula>90</formula>
    </cfRule>
    <cfRule type="cellIs" dxfId="3528" priority="3531" operator="greaterThanOrEqual">
      <formula>110</formula>
    </cfRule>
  </conditionalFormatting>
  <conditionalFormatting sqref="L49">
    <cfRule type="cellIs" dxfId="3527" priority="3526" stopIfTrue="1" operator="equal">
      <formula>0</formula>
    </cfRule>
    <cfRule type="cellIs" dxfId="3526" priority="3527" operator="lessThanOrEqual">
      <formula>90</formula>
    </cfRule>
    <cfRule type="cellIs" dxfId="3525" priority="3528" operator="greaterThanOrEqual">
      <formula>110</formula>
    </cfRule>
  </conditionalFormatting>
  <conditionalFormatting sqref="L50">
    <cfRule type="cellIs" dxfId="3524" priority="3523" stopIfTrue="1" operator="equal">
      <formula>0</formula>
    </cfRule>
    <cfRule type="cellIs" dxfId="3523" priority="3524" operator="lessThanOrEqual">
      <formula>90</formula>
    </cfRule>
    <cfRule type="cellIs" dxfId="3522" priority="3525" operator="greaterThanOrEqual">
      <formula>110</formula>
    </cfRule>
  </conditionalFormatting>
  <conditionalFormatting sqref="L51">
    <cfRule type="cellIs" dxfId="3521" priority="3520" stopIfTrue="1" operator="equal">
      <formula>0</formula>
    </cfRule>
    <cfRule type="cellIs" dxfId="3520" priority="3521" operator="lessThanOrEqual">
      <formula>90</formula>
    </cfRule>
    <cfRule type="cellIs" dxfId="3519" priority="3522" operator="greaterThanOrEqual">
      <formula>110</formula>
    </cfRule>
  </conditionalFormatting>
  <conditionalFormatting sqref="L52">
    <cfRule type="cellIs" dxfId="3518" priority="3517" stopIfTrue="1" operator="equal">
      <formula>0</formula>
    </cfRule>
    <cfRule type="cellIs" dxfId="3517" priority="3518" operator="lessThanOrEqual">
      <formula>90</formula>
    </cfRule>
    <cfRule type="cellIs" dxfId="3516" priority="3519" operator="greaterThanOrEqual">
      <formula>110</formula>
    </cfRule>
  </conditionalFormatting>
  <conditionalFormatting sqref="L53">
    <cfRule type="cellIs" dxfId="3515" priority="3514" stopIfTrue="1" operator="equal">
      <formula>0</formula>
    </cfRule>
    <cfRule type="cellIs" dxfId="3514" priority="3515" operator="lessThanOrEqual">
      <formula>90</formula>
    </cfRule>
    <cfRule type="cellIs" dxfId="3513" priority="3516" operator="greaterThanOrEqual">
      <formula>110</formula>
    </cfRule>
  </conditionalFormatting>
  <conditionalFormatting sqref="L54">
    <cfRule type="cellIs" dxfId="3512" priority="3511" stopIfTrue="1" operator="equal">
      <formula>0</formula>
    </cfRule>
    <cfRule type="cellIs" dxfId="3511" priority="3512" operator="lessThanOrEqual">
      <formula>90</formula>
    </cfRule>
    <cfRule type="cellIs" dxfId="3510" priority="3513" operator="greaterThanOrEqual">
      <formula>110</formula>
    </cfRule>
  </conditionalFormatting>
  <conditionalFormatting sqref="L55">
    <cfRule type="cellIs" dxfId="3509" priority="3508" stopIfTrue="1" operator="equal">
      <formula>0</formula>
    </cfRule>
    <cfRule type="cellIs" dxfId="3508" priority="3509" operator="lessThanOrEqual">
      <formula>90</formula>
    </cfRule>
    <cfRule type="cellIs" dxfId="3507" priority="3510" operator="greaterThanOrEqual">
      <formula>110</formula>
    </cfRule>
  </conditionalFormatting>
  <conditionalFormatting sqref="L56">
    <cfRule type="cellIs" dxfId="3506" priority="3505" stopIfTrue="1" operator="equal">
      <formula>0</formula>
    </cfRule>
    <cfRule type="cellIs" dxfId="3505" priority="3506" operator="lessThanOrEqual">
      <formula>90</formula>
    </cfRule>
    <cfRule type="cellIs" dxfId="3504" priority="3507" operator="greaterThanOrEqual">
      <formula>110</formula>
    </cfRule>
  </conditionalFormatting>
  <conditionalFormatting sqref="L57">
    <cfRule type="cellIs" dxfId="3503" priority="3502" stopIfTrue="1" operator="equal">
      <formula>0</formula>
    </cfRule>
    <cfRule type="cellIs" dxfId="3502" priority="3503" operator="lessThanOrEqual">
      <formula>90</formula>
    </cfRule>
    <cfRule type="cellIs" dxfId="3501" priority="3504" operator="greaterThanOrEqual">
      <formula>110</formula>
    </cfRule>
  </conditionalFormatting>
  <conditionalFormatting sqref="L58">
    <cfRule type="cellIs" dxfId="3500" priority="3499" stopIfTrue="1" operator="equal">
      <formula>0</formula>
    </cfRule>
    <cfRule type="cellIs" dxfId="3499" priority="3500" operator="lessThanOrEqual">
      <formula>90</formula>
    </cfRule>
    <cfRule type="cellIs" dxfId="3498" priority="3501" operator="greaterThanOrEqual">
      <formula>110</formula>
    </cfRule>
  </conditionalFormatting>
  <conditionalFormatting sqref="L59">
    <cfRule type="cellIs" dxfId="3497" priority="3496" stopIfTrue="1" operator="equal">
      <formula>0</formula>
    </cfRule>
    <cfRule type="cellIs" dxfId="3496" priority="3497" operator="lessThanOrEqual">
      <formula>90</formula>
    </cfRule>
    <cfRule type="cellIs" dxfId="3495" priority="3498" operator="greaterThanOrEqual">
      <formula>110</formula>
    </cfRule>
  </conditionalFormatting>
  <conditionalFormatting sqref="L60">
    <cfRule type="cellIs" dxfId="3494" priority="3493" stopIfTrue="1" operator="equal">
      <formula>0</formula>
    </cfRule>
    <cfRule type="cellIs" dxfId="3493" priority="3494" operator="lessThanOrEqual">
      <formula>90</formula>
    </cfRule>
    <cfRule type="cellIs" dxfId="3492" priority="3495" operator="greaterThanOrEqual">
      <formula>110</formula>
    </cfRule>
  </conditionalFormatting>
  <conditionalFormatting sqref="L61">
    <cfRule type="cellIs" dxfId="3491" priority="3490" stopIfTrue="1" operator="equal">
      <formula>0</formula>
    </cfRule>
    <cfRule type="cellIs" dxfId="3490" priority="3491" operator="lessThanOrEqual">
      <formula>90</formula>
    </cfRule>
    <cfRule type="cellIs" dxfId="3489" priority="3492" operator="greaterThanOrEqual">
      <formula>110</formula>
    </cfRule>
  </conditionalFormatting>
  <conditionalFormatting sqref="L62">
    <cfRule type="cellIs" dxfId="3488" priority="3487" stopIfTrue="1" operator="equal">
      <formula>0</formula>
    </cfRule>
    <cfRule type="cellIs" dxfId="3487" priority="3488" operator="lessThanOrEqual">
      <formula>90</formula>
    </cfRule>
    <cfRule type="cellIs" dxfId="3486" priority="3489" operator="greaterThanOrEqual">
      <formula>110</formula>
    </cfRule>
  </conditionalFormatting>
  <conditionalFormatting sqref="L63">
    <cfRule type="cellIs" dxfId="3485" priority="3484" stopIfTrue="1" operator="equal">
      <formula>0</formula>
    </cfRule>
    <cfRule type="cellIs" dxfId="3484" priority="3485" operator="lessThanOrEqual">
      <formula>90</formula>
    </cfRule>
    <cfRule type="cellIs" dxfId="3483" priority="3486" operator="greaterThanOrEqual">
      <formula>110</formula>
    </cfRule>
  </conditionalFormatting>
  <conditionalFormatting sqref="L64">
    <cfRule type="cellIs" dxfId="3482" priority="3481" stopIfTrue="1" operator="equal">
      <formula>0</formula>
    </cfRule>
    <cfRule type="cellIs" dxfId="3481" priority="3482" operator="lessThanOrEqual">
      <formula>90</formula>
    </cfRule>
    <cfRule type="cellIs" dxfId="3480" priority="3483" operator="greaterThanOrEqual">
      <formula>110</formula>
    </cfRule>
  </conditionalFormatting>
  <conditionalFormatting sqref="L65">
    <cfRule type="cellIs" dxfId="3479" priority="3478" stopIfTrue="1" operator="equal">
      <formula>0</formula>
    </cfRule>
    <cfRule type="cellIs" dxfId="3478" priority="3479" operator="lessThanOrEqual">
      <formula>90</formula>
    </cfRule>
    <cfRule type="cellIs" dxfId="3477" priority="3480" operator="greaterThanOrEqual">
      <formula>110</formula>
    </cfRule>
  </conditionalFormatting>
  <conditionalFormatting sqref="M5">
    <cfRule type="cellIs" dxfId="3476" priority="3475" stopIfTrue="1" operator="equal">
      <formula>0</formula>
    </cfRule>
    <cfRule type="cellIs" dxfId="3475" priority="3476" operator="lessThanOrEqual">
      <formula>90</formula>
    </cfRule>
    <cfRule type="cellIs" dxfId="3474" priority="3477" operator="greaterThanOrEqual">
      <formula>110</formula>
    </cfRule>
  </conditionalFormatting>
  <conditionalFormatting sqref="M6">
    <cfRule type="cellIs" dxfId="3473" priority="3472" stopIfTrue="1" operator="equal">
      <formula>0</formula>
    </cfRule>
    <cfRule type="cellIs" dxfId="3472" priority="3473" operator="lessThanOrEqual">
      <formula>90</formula>
    </cfRule>
    <cfRule type="cellIs" dxfId="3471" priority="3474" operator="greaterThanOrEqual">
      <formula>110</formula>
    </cfRule>
  </conditionalFormatting>
  <conditionalFormatting sqref="M7">
    <cfRule type="cellIs" dxfId="3470" priority="3469" stopIfTrue="1" operator="equal">
      <formula>0</formula>
    </cfRule>
    <cfRule type="cellIs" dxfId="3469" priority="3470" operator="lessThanOrEqual">
      <formula>90</formula>
    </cfRule>
    <cfRule type="cellIs" dxfId="3468" priority="3471" operator="greaterThanOrEqual">
      <formula>110</formula>
    </cfRule>
  </conditionalFormatting>
  <conditionalFormatting sqref="M8">
    <cfRule type="cellIs" dxfId="3467" priority="3466" stopIfTrue="1" operator="equal">
      <formula>0</formula>
    </cfRule>
    <cfRule type="cellIs" dxfId="3466" priority="3467" operator="lessThanOrEqual">
      <formula>90</formula>
    </cfRule>
    <cfRule type="cellIs" dxfId="3465" priority="3468" operator="greaterThanOrEqual">
      <formula>110</formula>
    </cfRule>
  </conditionalFormatting>
  <conditionalFormatting sqref="M9">
    <cfRule type="cellIs" dxfId="3464" priority="3463" stopIfTrue="1" operator="equal">
      <formula>0</formula>
    </cfRule>
    <cfRule type="cellIs" dxfId="3463" priority="3464" operator="lessThanOrEqual">
      <formula>90</formula>
    </cfRule>
    <cfRule type="cellIs" dxfId="3462" priority="3465" operator="greaterThanOrEqual">
      <formula>110</formula>
    </cfRule>
  </conditionalFormatting>
  <conditionalFormatting sqref="M10">
    <cfRule type="cellIs" dxfId="3461" priority="3460" stopIfTrue="1" operator="equal">
      <formula>0</formula>
    </cfRule>
    <cfRule type="cellIs" dxfId="3460" priority="3461" operator="lessThanOrEqual">
      <formula>90</formula>
    </cfRule>
    <cfRule type="cellIs" dxfId="3459" priority="3462" operator="greaterThanOrEqual">
      <formula>110</formula>
    </cfRule>
  </conditionalFormatting>
  <conditionalFormatting sqref="M11">
    <cfRule type="cellIs" dxfId="3458" priority="3457" stopIfTrue="1" operator="equal">
      <formula>0</formula>
    </cfRule>
    <cfRule type="cellIs" dxfId="3457" priority="3458" operator="lessThanOrEqual">
      <formula>90</formula>
    </cfRule>
    <cfRule type="cellIs" dxfId="3456" priority="3459" operator="greaterThanOrEqual">
      <formula>110</formula>
    </cfRule>
  </conditionalFormatting>
  <conditionalFormatting sqref="M12">
    <cfRule type="cellIs" dxfId="3455" priority="3454" stopIfTrue="1" operator="equal">
      <formula>0</formula>
    </cfRule>
    <cfRule type="cellIs" dxfId="3454" priority="3455" operator="lessThanOrEqual">
      <formula>90</formula>
    </cfRule>
    <cfRule type="cellIs" dxfId="3453" priority="3456" operator="greaterThanOrEqual">
      <formula>110</formula>
    </cfRule>
  </conditionalFormatting>
  <conditionalFormatting sqref="M13">
    <cfRule type="cellIs" dxfId="3452" priority="3451" stopIfTrue="1" operator="equal">
      <formula>0</formula>
    </cfRule>
    <cfRule type="cellIs" dxfId="3451" priority="3452" operator="lessThanOrEqual">
      <formula>90</formula>
    </cfRule>
    <cfRule type="cellIs" dxfId="3450" priority="3453" operator="greaterThanOrEqual">
      <formula>110</formula>
    </cfRule>
  </conditionalFormatting>
  <conditionalFormatting sqref="M14">
    <cfRule type="cellIs" dxfId="3449" priority="3448" stopIfTrue="1" operator="equal">
      <formula>0</formula>
    </cfRule>
    <cfRule type="cellIs" dxfId="3448" priority="3449" operator="lessThanOrEqual">
      <formula>90</formula>
    </cfRule>
    <cfRule type="cellIs" dxfId="3447" priority="3450" operator="greaterThanOrEqual">
      <formula>110</formula>
    </cfRule>
  </conditionalFormatting>
  <conditionalFormatting sqref="M15">
    <cfRule type="cellIs" dxfId="3446" priority="3445" stopIfTrue="1" operator="equal">
      <formula>0</formula>
    </cfRule>
    <cfRule type="cellIs" dxfId="3445" priority="3446" operator="lessThanOrEqual">
      <formula>90</formula>
    </cfRule>
    <cfRule type="cellIs" dxfId="3444" priority="3447" operator="greaterThanOrEqual">
      <formula>110</formula>
    </cfRule>
  </conditionalFormatting>
  <conditionalFormatting sqref="M16">
    <cfRule type="cellIs" dxfId="3443" priority="3442" stopIfTrue="1" operator="equal">
      <formula>0</formula>
    </cfRule>
    <cfRule type="cellIs" dxfId="3442" priority="3443" operator="lessThanOrEqual">
      <formula>90</formula>
    </cfRule>
    <cfRule type="cellIs" dxfId="3441" priority="3444" operator="greaterThanOrEqual">
      <formula>110</formula>
    </cfRule>
  </conditionalFormatting>
  <conditionalFormatting sqref="M17">
    <cfRule type="cellIs" dxfId="3440" priority="3439" stopIfTrue="1" operator="equal">
      <formula>0</formula>
    </cfRule>
    <cfRule type="cellIs" dxfId="3439" priority="3440" operator="lessThanOrEqual">
      <formula>90</formula>
    </cfRule>
    <cfRule type="cellIs" dxfId="3438" priority="3441" operator="greaterThanOrEqual">
      <formula>110</formula>
    </cfRule>
  </conditionalFormatting>
  <conditionalFormatting sqref="M18">
    <cfRule type="cellIs" dxfId="3437" priority="3436" stopIfTrue="1" operator="equal">
      <formula>0</formula>
    </cfRule>
    <cfRule type="cellIs" dxfId="3436" priority="3437" operator="lessThanOrEqual">
      <formula>90</formula>
    </cfRule>
    <cfRule type="cellIs" dxfId="3435" priority="3438" operator="greaterThanOrEqual">
      <formula>110</formula>
    </cfRule>
  </conditionalFormatting>
  <conditionalFormatting sqref="M19">
    <cfRule type="cellIs" dxfId="3434" priority="3433" stopIfTrue="1" operator="equal">
      <formula>0</formula>
    </cfRule>
    <cfRule type="cellIs" dxfId="3433" priority="3434" operator="lessThanOrEqual">
      <formula>90</formula>
    </cfRule>
    <cfRule type="cellIs" dxfId="3432" priority="3435" operator="greaterThanOrEqual">
      <formula>110</formula>
    </cfRule>
  </conditionalFormatting>
  <conditionalFormatting sqref="M20">
    <cfRule type="cellIs" dxfId="3431" priority="3430" stopIfTrue="1" operator="equal">
      <formula>0</formula>
    </cfRule>
    <cfRule type="cellIs" dxfId="3430" priority="3431" operator="lessThanOrEqual">
      <formula>90</formula>
    </cfRule>
    <cfRule type="cellIs" dxfId="3429" priority="3432" operator="greaterThanOrEqual">
      <formula>110</formula>
    </cfRule>
  </conditionalFormatting>
  <conditionalFormatting sqref="M21">
    <cfRule type="cellIs" dxfId="3428" priority="3427" stopIfTrue="1" operator="equal">
      <formula>0</formula>
    </cfRule>
    <cfRule type="cellIs" dxfId="3427" priority="3428" operator="lessThanOrEqual">
      <formula>90</formula>
    </cfRule>
    <cfRule type="cellIs" dxfId="3426" priority="3429" operator="greaterThanOrEqual">
      <formula>110</formula>
    </cfRule>
  </conditionalFormatting>
  <conditionalFormatting sqref="M22">
    <cfRule type="cellIs" dxfId="3425" priority="3424" stopIfTrue="1" operator="equal">
      <formula>0</formula>
    </cfRule>
    <cfRule type="cellIs" dxfId="3424" priority="3425" operator="lessThanOrEqual">
      <formula>90</formula>
    </cfRule>
    <cfRule type="cellIs" dxfId="3423" priority="3426" operator="greaterThanOrEqual">
      <formula>110</formula>
    </cfRule>
  </conditionalFormatting>
  <conditionalFormatting sqref="M23">
    <cfRule type="cellIs" dxfId="3422" priority="3421" stopIfTrue="1" operator="equal">
      <formula>0</formula>
    </cfRule>
    <cfRule type="cellIs" dxfId="3421" priority="3422" operator="lessThanOrEqual">
      <formula>90</formula>
    </cfRule>
    <cfRule type="cellIs" dxfId="3420" priority="3423" operator="greaterThanOrEqual">
      <formula>110</formula>
    </cfRule>
  </conditionalFormatting>
  <conditionalFormatting sqref="M24">
    <cfRule type="cellIs" dxfId="3419" priority="3418" stopIfTrue="1" operator="equal">
      <formula>0</formula>
    </cfRule>
    <cfRule type="cellIs" dxfId="3418" priority="3419" operator="lessThanOrEqual">
      <formula>90</formula>
    </cfRule>
    <cfRule type="cellIs" dxfId="3417" priority="3420" operator="greaterThanOrEqual">
      <formula>110</formula>
    </cfRule>
  </conditionalFormatting>
  <conditionalFormatting sqref="M25">
    <cfRule type="cellIs" dxfId="3416" priority="3415" stopIfTrue="1" operator="equal">
      <formula>0</formula>
    </cfRule>
    <cfRule type="cellIs" dxfId="3415" priority="3416" operator="lessThanOrEqual">
      <formula>90</formula>
    </cfRule>
    <cfRule type="cellIs" dxfId="3414" priority="3417" operator="greaterThanOrEqual">
      <formula>110</formula>
    </cfRule>
  </conditionalFormatting>
  <conditionalFormatting sqref="M26">
    <cfRule type="cellIs" dxfId="3413" priority="3412" stopIfTrue="1" operator="equal">
      <formula>0</formula>
    </cfRule>
    <cfRule type="cellIs" dxfId="3412" priority="3413" operator="lessThanOrEqual">
      <formula>90</formula>
    </cfRule>
    <cfRule type="cellIs" dxfId="3411" priority="3414" operator="greaterThanOrEqual">
      <formula>110</formula>
    </cfRule>
  </conditionalFormatting>
  <conditionalFormatting sqref="M27">
    <cfRule type="cellIs" dxfId="3410" priority="3409" stopIfTrue="1" operator="equal">
      <formula>0</formula>
    </cfRule>
    <cfRule type="cellIs" dxfId="3409" priority="3410" operator="lessThanOrEqual">
      <formula>90</formula>
    </cfRule>
    <cfRule type="cellIs" dxfId="3408" priority="3411" operator="greaterThanOrEqual">
      <formula>110</formula>
    </cfRule>
  </conditionalFormatting>
  <conditionalFormatting sqref="M28">
    <cfRule type="cellIs" dxfId="3407" priority="3406" stopIfTrue="1" operator="equal">
      <formula>0</formula>
    </cfRule>
    <cfRule type="cellIs" dxfId="3406" priority="3407" operator="lessThanOrEqual">
      <formula>90</formula>
    </cfRule>
    <cfRule type="cellIs" dxfId="3405" priority="3408" operator="greaterThanOrEqual">
      <formula>110</formula>
    </cfRule>
  </conditionalFormatting>
  <conditionalFormatting sqref="M29">
    <cfRule type="cellIs" dxfId="3404" priority="3403" stopIfTrue="1" operator="equal">
      <formula>0</formula>
    </cfRule>
    <cfRule type="cellIs" dxfId="3403" priority="3404" operator="lessThanOrEqual">
      <formula>90</formula>
    </cfRule>
    <cfRule type="cellIs" dxfId="3402" priority="3405" operator="greaterThanOrEqual">
      <formula>110</formula>
    </cfRule>
  </conditionalFormatting>
  <conditionalFormatting sqref="M30">
    <cfRule type="cellIs" dxfId="3401" priority="3400" stopIfTrue="1" operator="equal">
      <formula>0</formula>
    </cfRule>
    <cfRule type="cellIs" dxfId="3400" priority="3401" operator="lessThanOrEqual">
      <formula>90</formula>
    </cfRule>
    <cfRule type="cellIs" dxfId="3399" priority="3402" operator="greaterThanOrEqual">
      <formula>110</formula>
    </cfRule>
  </conditionalFormatting>
  <conditionalFormatting sqref="M31">
    <cfRule type="cellIs" dxfId="3398" priority="3397" stopIfTrue="1" operator="equal">
      <formula>0</formula>
    </cfRule>
    <cfRule type="cellIs" dxfId="3397" priority="3398" operator="lessThanOrEqual">
      <formula>90</formula>
    </cfRule>
    <cfRule type="cellIs" dxfId="3396" priority="3399" operator="greaterThanOrEqual">
      <formula>110</formula>
    </cfRule>
  </conditionalFormatting>
  <conditionalFormatting sqref="M32">
    <cfRule type="cellIs" dxfId="3395" priority="3394" stopIfTrue="1" operator="equal">
      <formula>0</formula>
    </cfRule>
    <cfRule type="cellIs" dxfId="3394" priority="3395" operator="lessThanOrEqual">
      <formula>90</formula>
    </cfRule>
    <cfRule type="cellIs" dxfId="3393" priority="3396" operator="greaterThanOrEqual">
      <formula>110</formula>
    </cfRule>
  </conditionalFormatting>
  <conditionalFormatting sqref="M33">
    <cfRule type="cellIs" dxfId="3392" priority="3391" stopIfTrue="1" operator="equal">
      <formula>0</formula>
    </cfRule>
    <cfRule type="cellIs" dxfId="3391" priority="3392" operator="lessThanOrEqual">
      <formula>90</formula>
    </cfRule>
    <cfRule type="cellIs" dxfId="3390" priority="3393" operator="greaterThanOrEqual">
      <formula>110</formula>
    </cfRule>
  </conditionalFormatting>
  <conditionalFormatting sqref="M34">
    <cfRule type="cellIs" dxfId="3389" priority="3388" stopIfTrue="1" operator="equal">
      <formula>0</formula>
    </cfRule>
    <cfRule type="cellIs" dxfId="3388" priority="3389" operator="lessThanOrEqual">
      <formula>90</formula>
    </cfRule>
    <cfRule type="cellIs" dxfId="3387" priority="3390" operator="greaterThanOrEqual">
      <formula>110</formula>
    </cfRule>
  </conditionalFormatting>
  <conditionalFormatting sqref="M35">
    <cfRule type="cellIs" dxfId="3386" priority="3385" stopIfTrue="1" operator="equal">
      <formula>0</formula>
    </cfRule>
    <cfRule type="cellIs" dxfId="3385" priority="3386" operator="lessThanOrEqual">
      <formula>90</formula>
    </cfRule>
    <cfRule type="cellIs" dxfId="3384" priority="3387" operator="greaterThanOrEqual">
      <formula>110</formula>
    </cfRule>
  </conditionalFormatting>
  <conditionalFormatting sqref="M36">
    <cfRule type="cellIs" dxfId="3383" priority="3382" stopIfTrue="1" operator="equal">
      <formula>0</formula>
    </cfRule>
    <cfRule type="cellIs" dxfId="3382" priority="3383" operator="lessThanOrEqual">
      <formula>90</formula>
    </cfRule>
    <cfRule type="cellIs" dxfId="3381" priority="3384" operator="greaterThanOrEqual">
      <formula>110</formula>
    </cfRule>
  </conditionalFormatting>
  <conditionalFormatting sqref="M37">
    <cfRule type="cellIs" dxfId="3380" priority="3379" stopIfTrue="1" operator="equal">
      <formula>0</formula>
    </cfRule>
    <cfRule type="cellIs" dxfId="3379" priority="3380" operator="lessThanOrEqual">
      <formula>90</formula>
    </cfRule>
    <cfRule type="cellIs" dxfId="3378" priority="3381" operator="greaterThanOrEqual">
      <formula>110</formula>
    </cfRule>
  </conditionalFormatting>
  <conditionalFormatting sqref="M38">
    <cfRule type="cellIs" dxfId="3377" priority="3376" stopIfTrue="1" operator="equal">
      <formula>0</formula>
    </cfRule>
    <cfRule type="cellIs" dxfId="3376" priority="3377" operator="lessThanOrEqual">
      <formula>90</formula>
    </cfRule>
    <cfRule type="cellIs" dxfId="3375" priority="3378" operator="greaterThanOrEqual">
      <formula>110</formula>
    </cfRule>
  </conditionalFormatting>
  <conditionalFormatting sqref="M39">
    <cfRule type="cellIs" dxfId="3374" priority="3373" stopIfTrue="1" operator="equal">
      <formula>0</formula>
    </cfRule>
    <cfRule type="cellIs" dxfId="3373" priority="3374" operator="lessThanOrEqual">
      <formula>90</formula>
    </cfRule>
    <cfRule type="cellIs" dxfId="3372" priority="3375" operator="greaterThanOrEqual">
      <formula>110</formula>
    </cfRule>
  </conditionalFormatting>
  <conditionalFormatting sqref="M40">
    <cfRule type="cellIs" dxfId="3371" priority="3370" stopIfTrue="1" operator="equal">
      <formula>0</formula>
    </cfRule>
    <cfRule type="cellIs" dxfId="3370" priority="3371" operator="lessThanOrEqual">
      <formula>90</formula>
    </cfRule>
    <cfRule type="cellIs" dxfId="3369" priority="3372" operator="greaterThanOrEqual">
      <formula>110</formula>
    </cfRule>
  </conditionalFormatting>
  <conditionalFormatting sqref="M41">
    <cfRule type="cellIs" dxfId="3368" priority="3367" stopIfTrue="1" operator="equal">
      <formula>0</formula>
    </cfRule>
    <cfRule type="cellIs" dxfId="3367" priority="3368" operator="lessThanOrEqual">
      <formula>90</formula>
    </cfRule>
    <cfRule type="cellIs" dxfId="3366" priority="3369" operator="greaterThanOrEqual">
      <formula>110</formula>
    </cfRule>
  </conditionalFormatting>
  <conditionalFormatting sqref="M42">
    <cfRule type="cellIs" dxfId="3365" priority="3364" stopIfTrue="1" operator="equal">
      <formula>0</formula>
    </cfRule>
    <cfRule type="cellIs" dxfId="3364" priority="3365" operator="lessThanOrEqual">
      <formula>90</formula>
    </cfRule>
    <cfRule type="cellIs" dxfId="3363" priority="3366" operator="greaterThanOrEqual">
      <formula>110</formula>
    </cfRule>
  </conditionalFormatting>
  <conditionalFormatting sqref="M43">
    <cfRule type="cellIs" dxfId="3362" priority="3361" stopIfTrue="1" operator="equal">
      <formula>0</formula>
    </cfRule>
    <cfRule type="cellIs" dxfId="3361" priority="3362" operator="lessThanOrEqual">
      <formula>90</formula>
    </cfRule>
    <cfRule type="cellIs" dxfId="3360" priority="3363" operator="greaterThanOrEqual">
      <formula>110</formula>
    </cfRule>
  </conditionalFormatting>
  <conditionalFormatting sqref="M44">
    <cfRule type="cellIs" dxfId="3359" priority="3358" stopIfTrue="1" operator="equal">
      <formula>0</formula>
    </cfRule>
    <cfRule type="cellIs" dxfId="3358" priority="3359" operator="lessThanOrEqual">
      <formula>90</formula>
    </cfRule>
    <cfRule type="cellIs" dxfId="3357" priority="3360" operator="greaterThanOrEqual">
      <formula>110</formula>
    </cfRule>
  </conditionalFormatting>
  <conditionalFormatting sqref="M45">
    <cfRule type="cellIs" dxfId="3356" priority="3355" stopIfTrue="1" operator="equal">
      <formula>0</formula>
    </cfRule>
    <cfRule type="cellIs" dxfId="3355" priority="3356" operator="lessThanOrEqual">
      <formula>90</formula>
    </cfRule>
    <cfRule type="cellIs" dxfId="3354" priority="3357" operator="greaterThanOrEqual">
      <formula>110</formula>
    </cfRule>
  </conditionalFormatting>
  <conditionalFormatting sqref="M46">
    <cfRule type="cellIs" dxfId="3353" priority="3352" stopIfTrue="1" operator="equal">
      <formula>0</formula>
    </cfRule>
    <cfRule type="cellIs" dxfId="3352" priority="3353" operator="lessThanOrEqual">
      <formula>90</formula>
    </cfRule>
    <cfRule type="cellIs" dxfId="3351" priority="3354" operator="greaterThanOrEqual">
      <formula>110</formula>
    </cfRule>
  </conditionalFormatting>
  <conditionalFormatting sqref="M47">
    <cfRule type="cellIs" dxfId="3350" priority="3349" stopIfTrue="1" operator="equal">
      <formula>0</formula>
    </cfRule>
    <cfRule type="cellIs" dxfId="3349" priority="3350" operator="lessThanOrEqual">
      <formula>90</formula>
    </cfRule>
    <cfRule type="cellIs" dxfId="3348" priority="3351" operator="greaterThanOrEqual">
      <formula>110</formula>
    </cfRule>
  </conditionalFormatting>
  <conditionalFormatting sqref="M48">
    <cfRule type="cellIs" dxfId="3347" priority="3346" stopIfTrue="1" operator="equal">
      <formula>0</formula>
    </cfRule>
    <cfRule type="cellIs" dxfId="3346" priority="3347" operator="lessThanOrEqual">
      <formula>90</formula>
    </cfRule>
    <cfRule type="cellIs" dxfId="3345" priority="3348" operator="greaterThanOrEqual">
      <formula>110</formula>
    </cfRule>
  </conditionalFormatting>
  <conditionalFormatting sqref="M49">
    <cfRule type="cellIs" dxfId="3344" priority="3343" stopIfTrue="1" operator="equal">
      <formula>0</formula>
    </cfRule>
    <cfRule type="cellIs" dxfId="3343" priority="3344" operator="lessThanOrEqual">
      <formula>90</formula>
    </cfRule>
    <cfRule type="cellIs" dxfId="3342" priority="3345" operator="greaterThanOrEqual">
      <formula>110</formula>
    </cfRule>
  </conditionalFormatting>
  <conditionalFormatting sqref="M50">
    <cfRule type="cellIs" dxfId="3341" priority="3340" stopIfTrue="1" operator="equal">
      <formula>0</formula>
    </cfRule>
    <cfRule type="cellIs" dxfId="3340" priority="3341" operator="lessThanOrEqual">
      <formula>90</formula>
    </cfRule>
    <cfRule type="cellIs" dxfId="3339" priority="3342" operator="greaterThanOrEqual">
      <formula>110</formula>
    </cfRule>
  </conditionalFormatting>
  <conditionalFormatting sqref="M51">
    <cfRule type="cellIs" dxfId="3338" priority="3337" stopIfTrue="1" operator="equal">
      <formula>0</formula>
    </cfRule>
    <cfRule type="cellIs" dxfId="3337" priority="3338" operator="lessThanOrEqual">
      <formula>90</formula>
    </cfRule>
    <cfRule type="cellIs" dxfId="3336" priority="3339" operator="greaterThanOrEqual">
      <formula>110</formula>
    </cfRule>
  </conditionalFormatting>
  <conditionalFormatting sqref="M52">
    <cfRule type="cellIs" dxfId="3335" priority="3334" stopIfTrue="1" operator="equal">
      <formula>0</formula>
    </cfRule>
    <cfRule type="cellIs" dxfId="3334" priority="3335" operator="lessThanOrEqual">
      <formula>90</formula>
    </cfRule>
    <cfRule type="cellIs" dxfId="3333" priority="3336" operator="greaterThanOrEqual">
      <formula>110</formula>
    </cfRule>
  </conditionalFormatting>
  <conditionalFormatting sqref="M53">
    <cfRule type="cellIs" dxfId="3332" priority="3331" stopIfTrue="1" operator="equal">
      <formula>0</formula>
    </cfRule>
    <cfRule type="cellIs" dxfId="3331" priority="3332" operator="lessThanOrEqual">
      <formula>90</formula>
    </cfRule>
    <cfRule type="cellIs" dxfId="3330" priority="3333" operator="greaterThanOrEqual">
      <formula>110</formula>
    </cfRule>
  </conditionalFormatting>
  <conditionalFormatting sqref="M54">
    <cfRule type="cellIs" dxfId="3329" priority="3328" stopIfTrue="1" operator="equal">
      <formula>0</formula>
    </cfRule>
    <cfRule type="cellIs" dxfId="3328" priority="3329" operator="lessThanOrEqual">
      <formula>90</formula>
    </cfRule>
    <cfRule type="cellIs" dxfId="3327" priority="3330" operator="greaterThanOrEqual">
      <formula>110</formula>
    </cfRule>
  </conditionalFormatting>
  <conditionalFormatting sqref="M55">
    <cfRule type="cellIs" dxfId="3326" priority="3325" stopIfTrue="1" operator="equal">
      <formula>0</formula>
    </cfRule>
    <cfRule type="cellIs" dxfId="3325" priority="3326" operator="lessThanOrEqual">
      <formula>90</formula>
    </cfRule>
    <cfRule type="cellIs" dxfId="3324" priority="3327" operator="greaterThanOrEqual">
      <formula>110</formula>
    </cfRule>
  </conditionalFormatting>
  <conditionalFormatting sqref="M56">
    <cfRule type="cellIs" dxfId="3323" priority="3322" stopIfTrue="1" operator="equal">
      <formula>0</formula>
    </cfRule>
    <cfRule type="cellIs" dxfId="3322" priority="3323" operator="lessThanOrEqual">
      <formula>90</formula>
    </cfRule>
    <cfRule type="cellIs" dxfId="3321" priority="3324" operator="greaterThanOrEqual">
      <formula>110</formula>
    </cfRule>
  </conditionalFormatting>
  <conditionalFormatting sqref="M57">
    <cfRule type="cellIs" dxfId="3320" priority="3319" stopIfTrue="1" operator="equal">
      <formula>0</formula>
    </cfRule>
    <cfRule type="cellIs" dxfId="3319" priority="3320" operator="lessThanOrEqual">
      <formula>90</formula>
    </cfRule>
    <cfRule type="cellIs" dxfId="3318" priority="3321" operator="greaterThanOrEqual">
      <formula>110</formula>
    </cfRule>
  </conditionalFormatting>
  <conditionalFormatting sqref="M58">
    <cfRule type="cellIs" dxfId="3317" priority="3316" stopIfTrue="1" operator="equal">
      <formula>0</formula>
    </cfRule>
    <cfRule type="cellIs" dxfId="3316" priority="3317" operator="lessThanOrEqual">
      <formula>90</formula>
    </cfRule>
    <cfRule type="cellIs" dxfId="3315" priority="3318" operator="greaterThanOrEqual">
      <formula>110</formula>
    </cfRule>
  </conditionalFormatting>
  <conditionalFormatting sqref="M59">
    <cfRule type="cellIs" dxfId="3314" priority="3313" stopIfTrue="1" operator="equal">
      <formula>0</formula>
    </cfRule>
    <cfRule type="cellIs" dxfId="3313" priority="3314" operator="lessThanOrEqual">
      <formula>90</formula>
    </cfRule>
    <cfRule type="cellIs" dxfId="3312" priority="3315" operator="greaterThanOrEqual">
      <formula>110</formula>
    </cfRule>
  </conditionalFormatting>
  <conditionalFormatting sqref="M60">
    <cfRule type="cellIs" dxfId="3311" priority="3310" stopIfTrue="1" operator="equal">
      <formula>0</formula>
    </cfRule>
    <cfRule type="cellIs" dxfId="3310" priority="3311" operator="lessThanOrEqual">
      <formula>90</formula>
    </cfRule>
    <cfRule type="cellIs" dxfId="3309" priority="3312" operator="greaterThanOrEqual">
      <formula>110</formula>
    </cfRule>
  </conditionalFormatting>
  <conditionalFormatting sqref="M61">
    <cfRule type="cellIs" dxfId="3308" priority="3307" stopIfTrue="1" operator="equal">
      <formula>0</formula>
    </cfRule>
    <cfRule type="cellIs" dxfId="3307" priority="3308" operator="lessThanOrEqual">
      <formula>90</formula>
    </cfRule>
    <cfRule type="cellIs" dxfId="3306" priority="3309" operator="greaterThanOrEqual">
      <formula>110</formula>
    </cfRule>
  </conditionalFormatting>
  <conditionalFormatting sqref="M62">
    <cfRule type="cellIs" dxfId="3305" priority="3304" stopIfTrue="1" operator="equal">
      <formula>0</formula>
    </cfRule>
    <cfRule type="cellIs" dxfId="3304" priority="3305" operator="lessThanOrEqual">
      <formula>90</formula>
    </cfRule>
    <cfRule type="cellIs" dxfId="3303" priority="3306" operator="greaterThanOrEqual">
      <formula>110</formula>
    </cfRule>
  </conditionalFormatting>
  <conditionalFormatting sqref="M63">
    <cfRule type="cellIs" dxfId="3302" priority="3301" stopIfTrue="1" operator="equal">
      <formula>0</formula>
    </cfRule>
    <cfRule type="cellIs" dxfId="3301" priority="3302" operator="lessThanOrEqual">
      <formula>90</formula>
    </cfRule>
    <cfRule type="cellIs" dxfId="3300" priority="3303" operator="greaterThanOrEqual">
      <formula>110</formula>
    </cfRule>
  </conditionalFormatting>
  <conditionalFormatting sqref="M64">
    <cfRule type="cellIs" dxfId="3299" priority="3298" stopIfTrue="1" operator="equal">
      <formula>0</formula>
    </cfRule>
    <cfRule type="cellIs" dxfId="3298" priority="3299" operator="lessThanOrEqual">
      <formula>90</formula>
    </cfRule>
    <cfRule type="cellIs" dxfId="3297" priority="3300" operator="greaterThanOrEqual">
      <formula>110</formula>
    </cfRule>
  </conditionalFormatting>
  <conditionalFormatting sqref="M65">
    <cfRule type="cellIs" dxfId="3296" priority="3295" stopIfTrue="1" operator="equal">
      <formula>0</formula>
    </cfRule>
    <cfRule type="cellIs" dxfId="3295" priority="3296" operator="lessThanOrEqual">
      <formula>90</formula>
    </cfRule>
    <cfRule type="cellIs" dxfId="3294" priority="3297" operator="greaterThanOrEqual">
      <formula>110</formula>
    </cfRule>
  </conditionalFormatting>
  <conditionalFormatting sqref="N5">
    <cfRule type="cellIs" dxfId="3293" priority="3292" stopIfTrue="1" operator="equal">
      <formula>0</formula>
    </cfRule>
    <cfRule type="cellIs" dxfId="3292" priority="3293" operator="lessThanOrEqual">
      <formula>90</formula>
    </cfRule>
    <cfRule type="cellIs" dxfId="3291" priority="3294" operator="greaterThanOrEqual">
      <formula>110</formula>
    </cfRule>
  </conditionalFormatting>
  <conditionalFormatting sqref="N6">
    <cfRule type="cellIs" dxfId="3290" priority="3289" stopIfTrue="1" operator="equal">
      <formula>0</formula>
    </cfRule>
    <cfRule type="cellIs" dxfId="3289" priority="3290" operator="lessThanOrEqual">
      <formula>90</formula>
    </cfRule>
    <cfRule type="cellIs" dxfId="3288" priority="3291" operator="greaterThanOrEqual">
      <formula>110</formula>
    </cfRule>
  </conditionalFormatting>
  <conditionalFormatting sqref="N7">
    <cfRule type="cellIs" dxfId="3287" priority="3286" stopIfTrue="1" operator="equal">
      <formula>0</formula>
    </cfRule>
    <cfRule type="cellIs" dxfId="3286" priority="3287" operator="lessThanOrEqual">
      <formula>90</formula>
    </cfRule>
    <cfRule type="cellIs" dxfId="3285" priority="3288" operator="greaterThanOrEqual">
      <formula>110</formula>
    </cfRule>
  </conditionalFormatting>
  <conditionalFormatting sqref="N8">
    <cfRule type="cellIs" dxfId="3284" priority="3283" stopIfTrue="1" operator="equal">
      <formula>0</formula>
    </cfRule>
    <cfRule type="cellIs" dxfId="3283" priority="3284" operator="lessThanOrEqual">
      <formula>90</formula>
    </cfRule>
    <cfRule type="cellIs" dxfId="3282" priority="3285" operator="greaterThanOrEqual">
      <formula>110</formula>
    </cfRule>
  </conditionalFormatting>
  <conditionalFormatting sqref="N9">
    <cfRule type="cellIs" dxfId="3281" priority="3280" stopIfTrue="1" operator="equal">
      <formula>0</formula>
    </cfRule>
    <cfRule type="cellIs" dxfId="3280" priority="3281" operator="lessThanOrEqual">
      <formula>90</formula>
    </cfRule>
    <cfRule type="cellIs" dxfId="3279" priority="3282" operator="greaterThanOrEqual">
      <formula>110</formula>
    </cfRule>
  </conditionalFormatting>
  <conditionalFormatting sqref="N10">
    <cfRule type="cellIs" dxfId="3278" priority="3277" stopIfTrue="1" operator="equal">
      <formula>0</formula>
    </cfRule>
    <cfRule type="cellIs" dxfId="3277" priority="3278" operator="lessThanOrEqual">
      <formula>90</formula>
    </cfRule>
    <cfRule type="cellIs" dxfId="3276" priority="3279" operator="greaterThanOrEqual">
      <formula>110</formula>
    </cfRule>
  </conditionalFormatting>
  <conditionalFormatting sqref="N11">
    <cfRule type="cellIs" dxfId="3275" priority="3274" stopIfTrue="1" operator="equal">
      <formula>0</formula>
    </cfRule>
    <cfRule type="cellIs" dxfId="3274" priority="3275" operator="lessThanOrEqual">
      <formula>90</formula>
    </cfRule>
    <cfRule type="cellIs" dxfId="3273" priority="3276" operator="greaterThanOrEqual">
      <formula>110</formula>
    </cfRule>
  </conditionalFormatting>
  <conditionalFormatting sqref="N12">
    <cfRule type="cellIs" dxfId="3272" priority="3271" stopIfTrue="1" operator="equal">
      <formula>0</formula>
    </cfRule>
    <cfRule type="cellIs" dxfId="3271" priority="3272" operator="lessThanOrEqual">
      <formula>90</formula>
    </cfRule>
    <cfRule type="cellIs" dxfId="3270" priority="3273" operator="greaterThanOrEqual">
      <formula>110</formula>
    </cfRule>
  </conditionalFormatting>
  <conditionalFormatting sqref="N13">
    <cfRule type="cellIs" dxfId="3269" priority="3268" stopIfTrue="1" operator="equal">
      <formula>0</formula>
    </cfRule>
    <cfRule type="cellIs" dxfId="3268" priority="3269" operator="lessThanOrEqual">
      <formula>90</formula>
    </cfRule>
    <cfRule type="cellIs" dxfId="3267" priority="3270" operator="greaterThanOrEqual">
      <formula>110</formula>
    </cfRule>
  </conditionalFormatting>
  <conditionalFormatting sqref="N14">
    <cfRule type="cellIs" dxfId="3266" priority="3265" stopIfTrue="1" operator="equal">
      <formula>0</formula>
    </cfRule>
    <cfRule type="cellIs" dxfId="3265" priority="3266" operator="lessThanOrEqual">
      <formula>90</formula>
    </cfRule>
    <cfRule type="cellIs" dxfId="3264" priority="3267" operator="greaterThanOrEqual">
      <formula>110</formula>
    </cfRule>
  </conditionalFormatting>
  <conditionalFormatting sqref="N15">
    <cfRule type="cellIs" dxfId="3263" priority="3262" stopIfTrue="1" operator="equal">
      <formula>0</formula>
    </cfRule>
    <cfRule type="cellIs" dxfId="3262" priority="3263" operator="lessThanOrEqual">
      <formula>90</formula>
    </cfRule>
    <cfRule type="cellIs" dxfId="3261" priority="3264" operator="greaterThanOrEqual">
      <formula>110</formula>
    </cfRule>
  </conditionalFormatting>
  <conditionalFormatting sqref="N16">
    <cfRule type="cellIs" dxfId="3260" priority="3259" stopIfTrue="1" operator="equal">
      <formula>0</formula>
    </cfRule>
    <cfRule type="cellIs" dxfId="3259" priority="3260" operator="lessThanOrEqual">
      <formula>90</formula>
    </cfRule>
    <cfRule type="cellIs" dxfId="3258" priority="3261" operator="greaterThanOrEqual">
      <formula>110</formula>
    </cfRule>
  </conditionalFormatting>
  <conditionalFormatting sqref="N17">
    <cfRule type="cellIs" dxfId="3257" priority="3256" stopIfTrue="1" operator="equal">
      <formula>0</formula>
    </cfRule>
    <cfRule type="cellIs" dxfId="3256" priority="3257" operator="lessThanOrEqual">
      <formula>90</formula>
    </cfRule>
    <cfRule type="cellIs" dxfId="3255" priority="3258" operator="greaterThanOrEqual">
      <formula>110</formula>
    </cfRule>
  </conditionalFormatting>
  <conditionalFormatting sqref="N18">
    <cfRule type="cellIs" dxfId="3254" priority="3253" stopIfTrue="1" operator="equal">
      <formula>0</formula>
    </cfRule>
    <cfRule type="cellIs" dxfId="3253" priority="3254" operator="lessThanOrEqual">
      <formula>90</formula>
    </cfRule>
    <cfRule type="cellIs" dxfId="3252" priority="3255" operator="greaterThanOrEqual">
      <formula>110</formula>
    </cfRule>
  </conditionalFormatting>
  <conditionalFormatting sqref="N19">
    <cfRule type="cellIs" dxfId="3251" priority="3250" stopIfTrue="1" operator="equal">
      <formula>0</formula>
    </cfRule>
    <cfRule type="cellIs" dxfId="3250" priority="3251" operator="lessThanOrEqual">
      <formula>90</formula>
    </cfRule>
    <cfRule type="cellIs" dxfId="3249" priority="3252" operator="greaterThanOrEqual">
      <formula>110</formula>
    </cfRule>
  </conditionalFormatting>
  <conditionalFormatting sqref="N20">
    <cfRule type="cellIs" dxfId="3248" priority="3247" stopIfTrue="1" operator="equal">
      <formula>0</formula>
    </cfRule>
    <cfRule type="cellIs" dxfId="3247" priority="3248" operator="lessThanOrEqual">
      <formula>90</formula>
    </cfRule>
    <cfRule type="cellIs" dxfId="3246" priority="3249" operator="greaterThanOrEqual">
      <formula>110</formula>
    </cfRule>
  </conditionalFormatting>
  <conditionalFormatting sqref="N21">
    <cfRule type="cellIs" dxfId="3245" priority="3244" stopIfTrue="1" operator="equal">
      <formula>0</formula>
    </cfRule>
    <cfRule type="cellIs" dxfId="3244" priority="3245" operator="lessThanOrEqual">
      <formula>90</formula>
    </cfRule>
    <cfRule type="cellIs" dxfId="3243" priority="3246" operator="greaterThanOrEqual">
      <formula>110</formula>
    </cfRule>
  </conditionalFormatting>
  <conditionalFormatting sqref="N22">
    <cfRule type="cellIs" dxfId="3242" priority="3241" stopIfTrue="1" operator="equal">
      <formula>0</formula>
    </cfRule>
    <cfRule type="cellIs" dxfId="3241" priority="3242" operator="lessThanOrEqual">
      <formula>90</formula>
    </cfRule>
    <cfRule type="cellIs" dxfId="3240" priority="3243" operator="greaterThanOrEqual">
      <formula>110</formula>
    </cfRule>
  </conditionalFormatting>
  <conditionalFormatting sqref="N23">
    <cfRule type="cellIs" dxfId="3239" priority="3238" stopIfTrue="1" operator="equal">
      <formula>0</formula>
    </cfRule>
    <cfRule type="cellIs" dxfId="3238" priority="3239" operator="lessThanOrEqual">
      <formula>90</formula>
    </cfRule>
    <cfRule type="cellIs" dxfId="3237" priority="3240" operator="greaterThanOrEqual">
      <formula>110</formula>
    </cfRule>
  </conditionalFormatting>
  <conditionalFormatting sqref="N24">
    <cfRule type="cellIs" dxfId="3236" priority="3235" stopIfTrue="1" operator="equal">
      <formula>0</formula>
    </cfRule>
    <cfRule type="cellIs" dxfId="3235" priority="3236" operator="lessThanOrEqual">
      <formula>90</formula>
    </cfRule>
    <cfRule type="cellIs" dxfId="3234" priority="3237" operator="greaterThanOrEqual">
      <formula>110</formula>
    </cfRule>
  </conditionalFormatting>
  <conditionalFormatting sqref="N25">
    <cfRule type="cellIs" dxfId="3233" priority="3232" stopIfTrue="1" operator="equal">
      <formula>0</formula>
    </cfRule>
    <cfRule type="cellIs" dxfId="3232" priority="3233" operator="lessThanOrEqual">
      <formula>90</formula>
    </cfRule>
    <cfRule type="cellIs" dxfId="3231" priority="3234" operator="greaterThanOrEqual">
      <formula>110</formula>
    </cfRule>
  </conditionalFormatting>
  <conditionalFormatting sqref="N26">
    <cfRule type="cellIs" dxfId="3230" priority="3229" stopIfTrue="1" operator="equal">
      <formula>0</formula>
    </cfRule>
    <cfRule type="cellIs" dxfId="3229" priority="3230" operator="lessThanOrEqual">
      <formula>90</formula>
    </cfRule>
    <cfRule type="cellIs" dxfId="3228" priority="3231" operator="greaterThanOrEqual">
      <formula>110</formula>
    </cfRule>
  </conditionalFormatting>
  <conditionalFormatting sqref="N27">
    <cfRule type="cellIs" dxfId="3227" priority="3226" stopIfTrue="1" operator="equal">
      <formula>0</formula>
    </cfRule>
    <cfRule type="cellIs" dxfId="3226" priority="3227" operator="lessThanOrEqual">
      <formula>90</formula>
    </cfRule>
    <cfRule type="cellIs" dxfId="3225" priority="3228" operator="greaterThanOrEqual">
      <formula>110</formula>
    </cfRule>
  </conditionalFormatting>
  <conditionalFormatting sqref="N28">
    <cfRule type="cellIs" dxfId="3224" priority="3223" stopIfTrue="1" operator="equal">
      <formula>0</formula>
    </cfRule>
    <cfRule type="cellIs" dxfId="3223" priority="3224" operator="lessThanOrEqual">
      <formula>90</formula>
    </cfRule>
    <cfRule type="cellIs" dxfId="3222" priority="3225" operator="greaterThanOrEqual">
      <formula>110</formula>
    </cfRule>
  </conditionalFormatting>
  <conditionalFormatting sqref="N29">
    <cfRule type="cellIs" dxfId="3221" priority="3220" stopIfTrue="1" operator="equal">
      <formula>0</formula>
    </cfRule>
    <cfRule type="cellIs" dxfId="3220" priority="3221" operator="lessThanOrEqual">
      <formula>90</formula>
    </cfRule>
    <cfRule type="cellIs" dxfId="3219" priority="3222" operator="greaterThanOrEqual">
      <formula>110</formula>
    </cfRule>
  </conditionalFormatting>
  <conditionalFormatting sqref="N30">
    <cfRule type="cellIs" dxfId="3218" priority="3217" stopIfTrue="1" operator="equal">
      <formula>0</formula>
    </cfRule>
    <cfRule type="cellIs" dxfId="3217" priority="3218" operator="lessThanOrEqual">
      <formula>90</formula>
    </cfRule>
    <cfRule type="cellIs" dxfId="3216" priority="3219" operator="greaterThanOrEqual">
      <formula>110</formula>
    </cfRule>
  </conditionalFormatting>
  <conditionalFormatting sqref="N31">
    <cfRule type="cellIs" dxfId="3215" priority="3214" stopIfTrue="1" operator="equal">
      <formula>0</formula>
    </cfRule>
    <cfRule type="cellIs" dxfId="3214" priority="3215" operator="lessThanOrEqual">
      <formula>90</formula>
    </cfRule>
    <cfRule type="cellIs" dxfId="3213" priority="3216" operator="greaterThanOrEqual">
      <formula>110</formula>
    </cfRule>
  </conditionalFormatting>
  <conditionalFormatting sqref="N32">
    <cfRule type="cellIs" dxfId="3212" priority="3211" stopIfTrue="1" operator="equal">
      <formula>0</formula>
    </cfRule>
    <cfRule type="cellIs" dxfId="3211" priority="3212" operator="lessThanOrEqual">
      <formula>90</formula>
    </cfRule>
    <cfRule type="cellIs" dxfId="3210" priority="3213" operator="greaterThanOrEqual">
      <formula>110</formula>
    </cfRule>
  </conditionalFormatting>
  <conditionalFormatting sqref="N33">
    <cfRule type="cellIs" dxfId="3209" priority="3208" stopIfTrue="1" operator="equal">
      <formula>0</formula>
    </cfRule>
    <cfRule type="cellIs" dxfId="3208" priority="3209" operator="lessThanOrEqual">
      <formula>90</formula>
    </cfRule>
    <cfRule type="cellIs" dxfId="3207" priority="3210" operator="greaterThanOrEqual">
      <formula>110</formula>
    </cfRule>
  </conditionalFormatting>
  <conditionalFormatting sqref="N34">
    <cfRule type="cellIs" dxfId="3206" priority="3205" stopIfTrue="1" operator="equal">
      <formula>0</formula>
    </cfRule>
    <cfRule type="cellIs" dxfId="3205" priority="3206" operator="lessThanOrEqual">
      <formula>90</formula>
    </cfRule>
    <cfRule type="cellIs" dxfId="3204" priority="3207" operator="greaterThanOrEqual">
      <formula>110</formula>
    </cfRule>
  </conditionalFormatting>
  <conditionalFormatting sqref="N35">
    <cfRule type="cellIs" dxfId="3203" priority="3202" stopIfTrue="1" operator="equal">
      <formula>0</formula>
    </cfRule>
    <cfRule type="cellIs" dxfId="3202" priority="3203" operator="lessThanOrEqual">
      <formula>90</formula>
    </cfRule>
    <cfRule type="cellIs" dxfId="3201" priority="3204" operator="greaterThanOrEqual">
      <formula>110</formula>
    </cfRule>
  </conditionalFormatting>
  <conditionalFormatting sqref="N36">
    <cfRule type="cellIs" dxfId="3200" priority="3199" stopIfTrue="1" operator="equal">
      <formula>0</formula>
    </cfRule>
    <cfRule type="cellIs" dxfId="3199" priority="3200" operator="lessThanOrEqual">
      <formula>90</formula>
    </cfRule>
    <cfRule type="cellIs" dxfId="3198" priority="3201" operator="greaterThanOrEqual">
      <formula>110</formula>
    </cfRule>
  </conditionalFormatting>
  <conditionalFormatting sqref="N37">
    <cfRule type="cellIs" dxfId="3197" priority="3196" stopIfTrue="1" operator="equal">
      <formula>0</formula>
    </cfRule>
    <cfRule type="cellIs" dxfId="3196" priority="3197" operator="lessThanOrEqual">
      <formula>90</formula>
    </cfRule>
    <cfRule type="cellIs" dxfId="3195" priority="3198" operator="greaterThanOrEqual">
      <formula>110</formula>
    </cfRule>
  </conditionalFormatting>
  <conditionalFormatting sqref="N38">
    <cfRule type="cellIs" dxfId="3194" priority="3193" stopIfTrue="1" operator="equal">
      <formula>0</formula>
    </cfRule>
    <cfRule type="cellIs" dxfId="3193" priority="3194" operator="lessThanOrEqual">
      <formula>90</formula>
    </cfRule>
    <cfRule type="cellIs" dxfId="3192" priority="3195" operator="greaterThanOrEqual">
      <formula>110</formula>
    </cfRule>
  </conditionalFormatting>
  <conditionalFormatting sqref="N39">
    <cfRule type="cellIs" dxfId="3191" priority="3190" stopIfTrue="1" operator="equal">
      <formula>0</formula>
    </cfRule>
    <cfRule type="cellIs" dxfId="3190" priority="3191" operator="lessThanOrEqual">
      <formula>90</formula>
    </cfRule>
    <cfRule type="cellIs" dxfId="3189" priority="3192" operator="greaterThanOrEqual">
      <formula>110</formula>
    </cfRule>
  </conditionalFormatting>
  <conditionalFormatting sqref="N40">
    <cfRule type="cellIs" dxfId="3188" priority="3187" stopIfTrue="1" operator="equal">
      <formula>0</formula>
    </cfRule>
    <cfRule type="cellIs" dxfId="3187" priority="3188" operator="lessThanOrEqual">
      <formula>90</formula>
    </cfRule>
    <cfRule type="cellIs" dxfId="3186" priority="3189" operator="greaterThanOrEqual">
      <formula>110</formula>
    </cfRule>
  </conditionalFormatting>
  <conditionalFormatting sqref="N41">
    <cfRule type="cellIs" dxfId="3185" priority="3184" stopIfTrue="1" operator="equal">
      <formula>0</formula>
    </cfRule>
    <cfRule type="cellIs" dxfId="3184" priority="3185" operator="lessThanOrEqual">
      <formula>90</formula>
    </cfRule>
    <cfRule type="cellIs" dxfId="3183" priority="3186" operator="greaterThanOrEqual">
      <formula>110</formula>
    </cfRule>
  </conditionalFormatting>
  <conditionalFormatting sqref="N42">
    <cfRule type="cellIs" dxfId="3182" priority="3181" stopIfTrue="1" operator="equal">
      <formula>0</formula>
    </cfRule>
    <cfRule type="cellIs" dxfId="3181" priority="3182" operator="lessThanOrEqual">
      <formula>90</formula>
    </cfRule>
    <cfRule type="cellIs" dxfId="3180" priority="3183" operator="greaterThanOrEqual">
      <formula>110</formula>
    </cfRule>
  </conditionalFormatting>
  <conditionalFormatting sqref="N43">
    <cfRule type="cellIs" dxfId="3179" priority="3178" stopIfTrue="1" operator="equal">
      <formula>0</formula>
    </cfRule>
    <cfRule type="cellIs" dxfId="3178" priority="3179" operator="lessThanOrEqual">
      <formula>90</formula>
    </cfRule>
    <cfRule type="cellIs" dxfId="3177" priority="3180" operator="greaterThanOrEqual">
      <formula>110</formula>
    </cfRule>
  </conditionalFormatting>
  <conditionalFormatting sqref="N44">
    <cfRule type="cellIs" dxfId="3176" priority="3175" stopIfTrue="1" operator="equal">
      <formula>0</formula>
    </cfRule>
    <cfRule type="cellIs" dxfId="3175" priority="3176" operator="lessThanOrEqual">
      <formula>90</formula>
    </cfRule>
    <cfRule type="cellIs" dxfId="3174" priority="3177" operator="greaterThanOrEqual">
      <formula>110</formula>
    </cfRule>
  </conditionalFormatting>
  <conditionalFormatting sqref="N45">
    <cfRule type="cellIs" dxfId="3173" priority="3172" stopIfTrue="1" operator="equal">
      <formula>0</formula>
    </cfRule>
    <cfRule type="cellIs" dxfId="3172" priority="3173" operator="lessThanOrEqual">
      <formula>90</formula>
    </cfRule>
    <cfRule type="cellIs" dxfId="3171" priority="3174" operator="greaterThanOrEqual">
      <formula>110</formula>
    </cfRule>
  </conditionalFormatting>
  <conditionalFormatting sqref="N46">
    <cfRule type="cellIs" dxfId="3170" priority="3169" stopIfTrue="1" operator="equal">
      <formula>0</formula>
    </cfRule>
    <cfRule type="cellIs" dxfId="3169" priority="3170" operator="lessThanOrEqual">
      <formula>90</formula>
    </cfRule>
    <cfRule type="cellIs" dxfId="3168" priority="3171" operator="greaterThanOrEqual">
      <formula>110</formula>
    </cfRule>
  </conditionalFormatting>
  <conditionalFormatting sqref="N47">
    <cfRule type="cellIs" dxfId="3167" priority="3166" stopIfTrue="1" operator="equal">
      <formula>0</formula>
    </cfRule>
    <cfRule type="cellIs" dxfId="3166" priority="3167" operator="lessThanOrEqual">
      <formula>90</formula>
    </cfRule>
    <cfRule type="cellIs" dxfId="3165" priority="3168" operator="greaterThanOrEqual">
      <formula>110</formula>
    </cfRule>
  </conditionalFormatting>
  <conditionalFormatting sqref="N48">
    <cfRule type="cellIs" dxfId="3164" priority="3163" stopIfTrue="1" operator="equal">
      <formula>0</formula>
    </cfRule>
    <cfRule type="cellIs" dxfId="3163" priority="3164" operator="lessThanOrEqual">
      <formula>90</formula>
    </cfRule>
    <cfRule type="cellIs" dxfId="3162" priority="3165" operator="greaterThanOrEqual">
      <formula>110</formula>
    </cfRule>
  </conditionalFormatting>
  <conditionalFormatting sqref="N49">
    <cfRule type="cellIs" dxfId="3161" priority="3160" stopIfTrue="1" operator="equal">
      <formula>0</formula>
    </cfRule>
    <cfRule type="cellIs" dxfId="3160" priority="3161" operator="lessThanOrEqual">
      <formula>90</formula>
    </cfRule>
    <cfRule type="cellIs" dxfId="3159" priority="3162" operator="greaterThanOrEqual">
      <formula>110</formula>
    </cfRule>
  </conditionalFormatting>
  <conditionalFormatting sqref="N50">
    <cfRule type="cellIs" dxfId="3158" priority="3157" stopIfTrue="1" operator="equal">
      <formula>0</formula>
    </cfRule>
    <cfRule type="cellIs" dxfId="3157" priority="3158" operator="lessThanOrEqual">
      <formula>90</formula>
    </cfRule>
    <cfRule type="cellIs" dxfId="3156" priority="3159" operator="greaterThanOrEqual">
      <formula>110</formula>
    </cfRule>
  </conditionalFormatting>
  <conditionalFormatting sqref="N51">
    <cfRule type="cellIs" dxfId="3155" priority="3154" stopIfTrue="1" operator="equal">
      <formula>0</formula>
    </cfRule>
    <cfRule type="cellIs" dxfId="3154" priority="3155" operator="lessThanOrEqual">
      <formula>90</formula>
    </cfRule>
    <cfRule type="cellIs" dxfId="3153" priority="3156" operator="greaterThanOrEqual">
      <formula>110</formula>
    </cfRule>
  </conditionalFormatting>
  <conditionalFormatting sqref="N52">
    <cfRule type="cellIs" dxfId="3152" priority="3151" stopIfTrue="1" operator="equal">
      <formula>0</formula>
    </cfRule>
    <cfRule type="cellIs" dxfId="3151" priority="3152" operator="lessThanOrEqual">
      <formula>90</formula>
    </cfRule>
    <cfRule type="cellIs" dxfId="3150" priority="3153" operator="greaterThanOrEqual">
      <formula>110</formula>
    </cfRule>
  </conditionalFormatting>
  <conditionalFormatting sqref="N53">
    <cfRule type="cellIs" dxfId="3149" priority="3148" stopIfTrue="1" operator="equal">
      <formula>0</formula>
    </cfRule>
    <cfRule type="cellIs" dxfId="3148" priority="3149" operator="lessThanOrEqual">
      <formula>90</formula>
    </cfRule>
    <cfRule type="cellIs" dxfId="3147" priority="3150" operator="greaterThanOrEqual">
      <formula>110</formula>
    </cfRule>
  </conditionalFormatting>
  <conditionalFormatting sqref="N54">
    <cfRule type="cellIs" dxfId="3146" priority="3145" stopIfTrue="1" operator="equal">
      <formula>0</formula>
    </cfRule>
    <cfRule type="cellIs" dxfId="3145" priority="3146" operator="lessThanOrEqual">
      <formula>90</formula>
    </cfRule>
    <cfRule type="cellIs" dxfId="3144" priority="3147" operator="greaterThanOrEqual">
      <formula>110</formula>
    </cfRule>
  </conditionalFormatting>
  <conditionalFormatting sqref="N55">
    <cfRule type="cellIs" dxfId="3143" priority="3142" stopIfTrue="1" operator="equal">
      <formula>0</formula>
    </cfRule>
    <cfRule type="cellIs" dxfId="3142" priority="3143" operator="lessThanOrEqual">
      <formula>90</formula>
    </cfRule>
    <cfRule type="cellIs" dxfId="3141" priority="3144" operator="greaterThanOrEqual">
      <formula>110</formula>
    </cfRule>
  </conditionalFormatting>
  <conditionalFormatting sqref="N56">
    <cfRule type="cellIs" dxfId="3140" priority="3139" stopIfTrue="1" operator="equal">
      <formula>0</formula>
    </cfRule>
    <cfRule type="cellIs" dxfId="3139" priority="3140" operator="lessThanOrEqual">
      <formula>90</formula>
    </cfRule>
    <cfRule type="cellIs" dxfId="3138" priority="3141" operator="greaterThanOrEqual">
      <formula>110</formula>
    </cfRule>
  </conditionalFormatting>
  <conditionalFormatting sqref="N57">
    <cfRule type="cellIs" dxfId="3137" priority="3136" stopIfTrue="1" operator="equal">
      <formula>0</formula>
    </cfRule>
    <cfRule type="cellIs" dxfId="3136" priority="3137" operator="lessThanOrEqual">
      <formula>90</formula>
    </cfRule>
    <cfRule type="cellIs" dxfId="3135" priority="3138" operator="greaterThanOrEqual">
      <formula>110</formula>
    </cfRule>
  </conditionalFormatting>
  <conditionalFormatting sqref="N58">
    <cfRule type="cellIs" dxfId="3134" priority="3133" stopIfTrue="1" operator="equal">
      <formula>0</formula>
    </cfRule>
    <cfRule type="cellIs" dxfId="3133" priority="3134" operator="lessThanOrEqual">
      <formula>90</formula>
    </cfRule>
    <cfRule type="cellIs" dxfId="3132" priority="3135" operator="greaterThanOrEqual">
      <formula>110</formula>
    </cfRule>
  </conditionalFormatting>
  <conditionalFormatting sqref="N59">
    <cfRule type="cellIs" dxfId="3131" priority="3130" stopIfTrue="1" operator="equal">
      <formula>0</formula>
    </cfRule>
    <cfRule type="cellIs" dxfId="3130" priority="3131" operator="lessThanOrEqual">
      <formula>90</formula>
    </cfRule>
    <cfRule type="cellIs" dxfId="3129" priority="3132" operator="greaterThanOrEqual">
      <formula>110</formula>
    </cfRule>
  </conditionalFormatting>
  <conditionalFormatting sqref="N60">
    <cfRule type="cellIs" dxfId="3128" priority="3127" stopIfTrue="1" operator="equal">
      <formula>0</formula>
    </cfRule>
    <cfRule type="cellIs" dxfId="3127" priority="3128" operator="lessThanOrEqual">
      <formula>90</formula>
    </cfRule>
    <cfRule type="cellIs" dxfId="3126" priority="3129" operator="greaterThanOrEqual">
      <formula>110</formula>
    </cfRule>
  </conditionalFormatting>
  <conditionalFormatting sqref="N61">
    <cfRule type="cellIs" dxfId="3125" priority="3124" stopIfTrue="1" operator="equal">
      <formula>0</formula>
    </cfRule>
    <cfRule type="cellIs" dxfId="3124" priority="3125" operator="lessThanOrEqual">
      <formula>90</formula>
    </cfRule>
    <cfRule type="cellIs" dxfId="3123" priority="3126" operator="greaterThanOrEqual">
      <formula>110</formula>
    </cfRule>
  </conditionalFormatting>
  <conditionalFormatting sqref="N62">
    <cfRule type="cellIs" dxfId="3122" priority="3121" stopIfTrue="1" operator="equal">
      <formula>0</formula>
    </cfRule>
    <cfRule type="cellIs" dxfId="3121" priority="3122" operator="lessThanOrEqual">
      <formula>90</formula>
    </cfRule>
    <cfRule type="cellIs" dxfId="3120" priority="3123" operator="greaterThanOrEqual">
      <formula>110</formula>
    </cfRule>
  </conditionalFormatting>
  <conditionalFormatting sqref="N63">
    <cfRule type="cellIs" dxfId="3119" priority="3118" stopIfTrue="1" operator="equal">
      <formula>0</formula>
    </cfRule>
    <cfRule type="cellIs" dxfId="3118" priority="3119" operator="lessThanOrEqual">
      <formula>90</formula>
    </cfRule>
    <cfRule type="cellIs" dxfId="3117" priority="3120" operator="greaterThanOrEqual">
      <formula>110</formula>
    </cfRule>
  </conditionalFormatting>
  <conditionalFormatting sqref="N64">
    <cfRule type="cellIs" dxfId="3116" priority="3115" stopIfTrue="1" operator="equal">
      <formula>0</formula>
    </cfRule>
    <cfRule type="cellIs" dxfId="3115" priority="3116" operator="lessThanOrEqual">
      <formula>90</formula>
    </cfRule>
    <cfRule type="cellIs" dxfId="3114" priority="3117" operator="greaterThanOrEqual">
      <formula>110</formula>
    </cfRule>
  </conditionalFormatting>
  <conditionalFormatting sqref="N65">
    <cfRule type="cellIs" dxfId="3113" priority="3112" stopIfTrue="1" operator="equal">
      <formula>0</formula>
    </cfRule>
    <cfRule type="cellIs" dxfId="3112" priority="3113" operator="lessThanOrEqual">
      <formula>90</formula>
    </cfRule>
    <cfRule type="cellIs" dxfId="3111" priority="3114" operator="greaterThanOrEqual">
      <formula>110</formula>
    </cfRule>
  </conditionalFormatting>
  <conditionalFormatting sqref="O5">
    <cfRule type="cellIs" dxfId="3110" priority="3109" stopIfTrue="1" operator="equal">
      <formula>0</formula>
    </cfRule>
    <cfRule type="cellIs" dxfId="3109" priority="3110" operator="lessThanOrEqual">
      <formula>90</formula>
    </cfRule>
    <cfRule type="cellIs" dxfId="3108" priority="3111" operator="greaterThanOrEqual">
      <formula>110</formula>
    </cfRule>
  </conditionalFormatting>
  <conditionalFormatting sqref="O6">
    <cfRule type="cellIs" dxfId="3107" priority="3106" stopIfTrue="1" operator="equal">
      <formula>0</formula>
    </cfRule>
    <cfRule type="cellIs" dxfId="3106" priority="3107" operator="lessThanOrEqual">
      <formula>90</formula>
    </cfRule>
    <cfRule type="cellIs" dxfId="3105" priority="3108" operator="greaterThanOrEqual">
      <formula>110</formula>
    </cfRule>
  </conditionalFormatting>
  <conditionalFormatting sqref="O7">
    <cfRule type="cellIs" dxfId="3104" priority="3103" stopIfTrue="1" operator="equal">
      <formula>0</formula>
    </cfRule>
    <cfRule type="cellIs" dxfId="3103" priority="3104" operator="lessThanOrEqual">
      <formula>90</formula>
    </cfRule>
    <cfRule type="cellIs" dxfId="3102" priority="3105" operator="greaterThanOrEqual">
      <formula>110</formula>
    </cfRule>
  </conditionalFormatting>
  <conditionalFormatting sqref="O8">
    <cfRule type="cellIs" dxfId="3101" priority="3100" stopIfTrue="1" operator="equal">
      <formula>0</formula>
    </cfRule>
    <cfRule type="cellIs" dxfId="3100" priority="3101" operator="lessThanOrEqual">
      <formula>90</formula>
    </cfRule>
    <cfRule type="cellIs" dxfId="3099" priority="3102" operator="greaterThanOrEqual">
      <formula>110</formula>
    </cfRule>
  </conditionalFormatting>
  <conditionalFormatting sqref="O9">
    <cfRule type="cellIs" dxfId="3098" priority="3097" stopIfTrue="1" operator="equal">
      <formula>0</formula>
    </cfRule>
    <cfRule type="cellIs" dxfId="3097" priority="3098" operator="lessThanOrEqual">
      <formula>90</formula>
    </cfRule>
    <cfRule type="cellIs" dxfId="3096" priority="3099" operator="greaterThanOrEqual">
      <formula>110</formula>
    </cfRule>
  </conditionalFormatting>
  <conditionalFormatting sqref="O10">
    <cfRule type="cellIs" dxfId="3095" priority="3094" stopIfTrue="1" operator="equal">
      <formula>0</formula>
    </cfRule>
    <cfRule type="cellIs" dxfId="3094" priority="3095" operator="lessThanOrEqual">
      <formula>90</formula>
    </cfRule>
    <cfRule type="cellIs" dxfId="3093" priority="3096" operator="greaterThanOrEqual">
      <formula>110</formula>
    </cfRule>
  </conditionalFormatting>
  <conditionalFormatting sqref="O11">
    <cfRule type="cellIs" dxfId="3092" priority="3091" stopIfTrue="1" operator="equal">
      <formula>0</formula>
    </cfRule>
    <cfRule type="cellIs" dxfId="3091" priority="3092" operator="lessThanOrEqual">
      <formula>90</formula>
    </cfRule>
    <cfRule type="cellIs" dxfId="3090" priority="3093" operator="greaterThanOrEqual">
      <formula>110</formula>
    </cfRule>
  </conditionalFormatting>
  <conditionalFormatting sqref="O12">
    <cfRule type="cellIs" dxfId="3089" priority="3088" stopIfTrue="1" operator="equal">
      <formula>0</formula>
    </cfRule>
    <cfRule type="cellIs" dxfId="3088" priority="3089" operator="lessThanOrEqual">
      <formula>90</formula>
    </cfRule>
    <cfRule type="cellIs" dxfId="3087" priority="3090" operator="greaterThanOrEqual">
      <formula>110</formula>
    </cfRule>
  </conditionalFormatting>
  <conditionalFormatting sqref="O13">
    <cfRule type="cellIs" dxfId="3086" priority="3085" stopIfTrue="1" operator="equal">
      <formula>0</formula>
    </cfRule>
    <cfRule type="cellIs" dxfId="3085" priority="3086" operator="lessThanOrEqual">
      <formula>90</formula>
    </cfRule>
    <cfRule type="cellIs" dxfId="3084" priority="3087" operator="greaterThanOrEqual">
      <formula>110</formula>
    </cfRule>
  </conditionalFormatting>
  <conditionalFormatting sqref="O14">
    <cfRule type="cellIs" dxfId="3083" priority="3082" stopIfTrue="1" operator="equal">
      <formula>0</formula>
    </cfRule>
    <cfRule type="cellIs" dxfId="3082" priority="3083" operator="lessThanOrEqual">
      <formula>90</formula>
    </cfRule>
    <cfRule type="cellIs" dxfId="3081" priority="3084" operator="greaterThanOrEqual">
      <formula>110</formula>
    </cfRule>
  </conditionalFormatting>
  <conditionalFormatting sqref="O15">
    <cfRule type="cellIs" dxfId="3080" priority="3079" stopIfTrue="1" operator="equal">
      <formula>0</formula>
    </cfRule>
    <cfRule type="cellIs" dxfId="3079" priority="3080" operator="lessThanOrEqual">
      <formula>90</formula>
    </cfRule>
    <cfRule type="cellIs" dxfId="3078" priority="3081" operator="greaterThanOrEqual">
      <formula>110</formula>
    </cfRule>
  </conditionalFormatting>
  <conditionalFormatting sqref="O16">
    <cfRule type="cellIs" dxfId="3077" priority="3076" stopIfTrue="1" operator="equal">
      <formula>0</formula>
    </cfRule>
    <cfRule type="cellIs" dxfId="3076" priority="3077" operator="lessThanOrEqual">
      <formula>90</formula>
    </cfRule>
    <cfRule type="cellIs" dxfId="3075" priority="3078" operator="greaterThanOrEqual">
      <formula>110</formula>
    </cfRule>
  </conditionalFormatting>
  <conditionalFormatting sqref="O17">
    <cfRule type="cellIs" dxfId="3074" priority="3073" stopIfTrue="1" operator="equal">
      <formula>0</formula>
    </cfRule>
    <cfRule type="cellIs" dxfId="3073" priority="3074" operator="lessThanOrEqual">
      <formula>90</formula>
    </cfRule>
    <cfRule type="cellIs" dxfId="3072" priority="3075" operator="greaterThanOrEqual">
      <formula>110</formula>
    </cfRule>
  </conditionalFormatting>
  <conditionalFormatting sqref="O18">
    <cfRule type="cellIs" dxfId="3071" priority="3070" stopIfTrue="1" operator="equal">
      <formula>0</formula>
    </cfRule>
    <cfRule type="cellIs" dxfId="3070" priority="3071" operator="lessThanOrEqual">
      <formula>90</formula>
    </cfRule>
    <cfRule type="cellIs" dxfId="3069" priority="3072" operator="greaterThanOrEqual">
      <formula>110</formula>
    </cfRule>
  </conditionalFormatting>
  <conditionalFormatting sqref="O19">
    <cfRule type="cellIs" dxfId="3068" priority="3067" stopIfTrue="1" operator="equal">
      <formula>0</formula>
    </cfRule>
    <cfRule type="cellIs" dxfId="3067" priority="3068" operator="lessThanOrEqual">
      <formula>90</formula>
    </cfRule>
    <cfRule type="cellIs" dxfId="3066" priority="3069" operator="greaterThanOrEqual">
      <formula>110</formula>
    </cfRule>
  </conditionalFormatting>
  <conditionalFormatting sqref="O20">
    <cfRule type="cellIs" dxfId="3065" priority="3064" stopIfTrue="1" operator="equal">
      <formula>0</formula>
    </cfRule>
    <cfRule type="cellIs" dxfId="3064" priority="3065" operator="lessThanOrEqual">
      <formula>90</formula>
    </cfRule>
    <cfRule type="cellIs" dxfId="3063" priority="3066" operator="greaterThanOrEqual">
      <formula>110</formula>
    </cfRule>
  </conditionalFormatting>
  <conditionalFormatting sqref="O21">
    <cfRule type="cellIs" dxfId="3062" priority="3061" stopIfTrue="1" operator="equal">
      <formula>0</formula>
    </cfRule>
    <cfRule type="cellIs" dxfId="3061" priority="3062" operator="lessThanOrEqual">
      <formula>90</formula>
    </cfRule>
    <cfRule type="cellIs" dxfId="3060" priority="3063" operator="greaterThanOrEqual">
      <formula>110</formula>
    </cfRule>
  </conditionalFormatting>
  <conditionalFormatting sqref="O22">
    <cfRule type="cellIs" dxfId="3059" priority="3058" stopIfTrue="1" operator="equal">
      <formula>0</formula>
    </cfRule>
    <cfRule type="cellIs" dxfId="3058" priority="3059" operator="lessThanOrEqual">
      <formula>90</formula>
    </cfRule>
    <cfRule type="cellIs" dxfId="3057" priority="3060" operator="greaterThanOrEqual">
      <formula>110</formula>
    </cfRule>
  </conditionalFormatting>
  <conditionalFormatting sqref="O23">
    <cfRule type="cellIs" dxfId="3056" priority="3055" stopIfTrue="1" operator="equal">
      <formula>0</formula>
    </cfRule>
    <cfRule type="cellIs" dxfId="3055" priority="3056" operator="lessThanOrEqual">
      <formula>90</formula>
    </cfRule>
    <cfRule type="cellIs" dxfId="3054" priority="3057" operator="greaterThanOrEqual">
      <formula>110</formula>
    </cfRule>
  </conditionalFormatting>
  <conditionalFormatting sqref="O24">
    <cfRule type="cellIs" dxfId="3053" priority="3052" stopIfTrue="1" operator="equal">
      <formula>0</formula>
    </cfRule>
    <cfRule type="cellIs" dxfId="3052" priority="3053" operator="lessThanOrEqual">
      <formula>90</formula>
    </cfRule>
    <cfRule type="cellIs" dxfId="3051" priority="3054" operator="greaterThanOrEqual">
      <formula>110</formula>
    </cfRule>
  </conditionalFormatting>
  <conditionalFormatting sqref="O25">
    <cfRule type="cellIs" dxfId="3050" priority="3049" stopIfTrue="1" operator="equal">
      <formula>0</formula>
    </cfRule>
    <cfRule type="cellIs" dxfId="3049" priority="3050" operator="lessThanOrEqual">
      <formula>90</formula>
    </cfRule>
    <cfRule type="cellIs" dxfId="3048" priority="3051" operator="greaterThanOrEqual">
      <formula>110</formula>
    </cfRule>
  </conditionalFormatting>
  <conditionalFormatting sqref="O26">
    <cfRule type="cellIs" dxfId="3047" priority="3046" stopIfTrue="1" operator="equal">
      <formula>0</formula>
    </cfRule>
    <cfRule type="cellIs" dxfId="3046" priority="3047" operator="lessThanOrEqual">
      <formula>90</formula>
    </cfRule>
    <cfRule type="cellIs" dxfId="3045" priority="3048" operator="greaterThanOrEqual">
      <formula>110</formula>
    </cfRule>
  </conditionalFormatting>
  <conditionalFormatting sqref="O27">
    <cfRule type="cellIs" dxfId="3044" priority="3043" stopIfTrue="1" operator="equal">
      <formula>0</formula>
    </cfRule>
    <cfRule type="cellIs" dxfId="3043" priority="3044" operator="lessThanOrEqual">
      <formula>90</formula>
    </cfRule>
    <cfRule type="cellIs" dxfId="3042" priority="3045" operator="greaterThanOrEqual">
      <formula>110</formula>
    </cfRule>
  </conditionalFormatting>
  <conditionalFormatting sqref="O28">
    <cfRule type="cellIs" dxfId="3041" priority="3040" stopIfTrue="1" operator="equal">
      <formula>0</formula>
    </cfRule>
    <cfRule type="cellIs" dxfId="3040" priority="3041" operator="lessThanOrEqual">
      <formula>90</formula>
    </cfRule>
    <cfRule type="cellIs" dxfId="3039" priority="3042" operator="greaterThanOrEqual">
      <formula>110</formula>
    </cfRule>
  </conditionalFormatting>
  <conditionalFormatting sqref="O29">
    <cfRule type="cellIs" dxfId="3038" priority="3037" stopIfTrue="1" operator="equal">
      <formula>0</formula>
    </cfRule>
    <cfRule type="cellIs" dxfId="3037" priority="3038" operator="lessThanOrEqual">
      <formula>90</formula>
    </cfRule>
    <cfRule type="cellIs" dxfId="3036" priority="3039" operator="greaterThanOrEqual">
      <formula>110</formula>
    </cfRule>
  </conditionalFormatting>
  <conditionalFormatting sqref="O30">
    <cfRule type="cellIs" dxfId="3035" priority="3034" stopIfTrue="1" operator="equal">
      <formula>0</formula>
    </cfRule>
    <cfRule type="cellIs" dxfId="3034" priority="3035" operator="lessThanOrEqual">
      <formula>90</formula>
    </cfRule>
    <cfRule type="cellIs" dxfId="3033" priority="3036" operator="greaterThanOrEqual">
      <formula>110</formula>
    </cfRule>
  </conditionalFormatting>
  <conditionalFormatting sqref="O31">
    <cfRule type="cellIs" dxfId="3032" priority="3031" stopIfTrue="1" operator="equal">
      <formula>0</formula>
    </cfRule>
    <cfRule type="cellIs" dxfId="3031" priority="3032" operator="lessThanOrEqual">
      <formula>90</formula>
    </cfRule>
    <cfRule type="cellIs" dxfId="3030" priority="3033" operator="greaterThanOrEqual">
      <formula>110</formula>
    </cfRule>
  </conditionalFormatting>
  <conditionalFormatting sqref="O32">
    <cfRule type="cellIs" dxfId="3029" priority="3028" stopIfTrue="1" operator="equal">
      <formula>0</formula>
    </cfRule>
    <cfRule type="cellIs" dxfId="3028" priority="3029" operator="lessThanOrEqual">
      <formula>90</formula>
    </cfRule>
    <cfRule type="cellIs" dxfId="3027" priority="3030" operator="greaterThanOrEqual">
      <formula>110</formula>
    </cfRule>
  </conditionalFormatting>
  <conditionalFormatting sqref="O33">
    <cfRule type="cellIs" dxfId="3026" priority="3025" stopIfTrue="1" operator="equal">
      <formula>0</formula>
    </cfRule>
    <cfRule type="cellIs" dxfId="3025" priority="3026" operator="lessThanOrEqual">
      <formula>90</formula>
    </cfRule>
    <cfRule type="cellIs" dxfId="3024" priority="3027" operator="greaterThanOrEqual">
      <formula>110</formula>
    </cfRule>
  </conditionalFormatting>
  <conditionalFormatting sqref="O34">
    <cfRule type="cellIs" dxfId="3023" priority="3022" stopIfTrue="1" operator="equal">
      <formula>0</formula>
    </cfRule>
    <cfRule type="cellIs" dxfId="3022" priority="3023" operator="lessThanOrEqual">
      <formula>90</formula>
    </cfRule>
    <cfRule type="cellIs" dxfId="3021" priority="3024" operator="greaterThanOrEqual">
      <formula>110</formula>
    </cfRule>
  </conditionalFormatting>
  <conditionalFormatting sqref="O35">
    <cfRule type="cellIs" dxfId="3020" priority="3019" stopIfTrue="1" operator="equal">
      <formula>0</formula>
    </cfRule>
    <cfRule type="cellIs" dxfId="3019" priority="3020" operator="lessThanOrEqual">
      <formula>90</formula>
    </cfRule>
    <cfRule type="cellIs" dxfId="3018" priority="3021" operator="greaterThanOrEqual">
      <formula>110</formula>
    </cfRule>
  </conditionalFormatting>
  <conditionalFormatting sqref="O36">
    <cfRule type="cellIs" dxfId="3017" priority="3016" stopIfTrue="1" operator="equal">
      <formula>0</formula>
    </cfRule>
    <cfRule type="cellIs" dxfId="3016" priority="3017" operator="lessThanOrEqual">
      <formula>90</formula>
    </cfRule>
    <cfRule type="cellIs" dxfId="3015" priority="3018" operator="greaterThanOrEqual">
      <formula>110</formula>
    </cfRule>
  </conditionalFormatting>
  <conditionalFormatting sqref="O37">
    <cfRule type="cellIs" dxfId="3014" priority="3013" stopIfTrue="1" operator="equal">
      <formula>0</formula>
    </cfRule>
    <cfRule type="cellIs" dxfId="3013" priority="3014" operator="lessThanOrEqual">
      <formula>90</formula>
    </cfRule>
    <cfRule type="cellIs" dxfId="3012" priority="3015" operator="greaterThanOrEqual">
      <formula>110</formula>
    </cfRule>
  </conditionalFormatting>
  <conditionalFormatting sqref="O38">
    <cfRule type="cellIs" dxfId="3011" priority="3010" stopIfTrue="1" operator="equal">
      <formula>0</formula>
    </cfRule>
    <cfRule type="cellIs" dxfId="3010" priority="3011" operator="lessThanOrEqual">
      <formula>90</formula>
    </cfRule>
    <cfRule type="cellIs" dxfId="3009" priority="3012" operator="greaterThanOrEqual">
      <formula>110</formula>
    </cfRule>
  </conditionalFormatting>
  <conditionalFormatting sqref="O39">
    <cfRule type="cellIs" dxfId="3008" priority="3007" stopIfTrue="1" operator="equal">
      <formula>0</formula>
    </cfRule>
    <cfRule type="cellIs" dxfId="3007" priority="3008" operator="lessThanOrEqual">
      <formula>90</formula>
    </cfRule>
    <cfRule type="cellIs" dxfId="3006" priority="3009" operator="greaterThanOrEqual">
      <formula>110</formula>
    </cfRule>
  </conditionalFormatting>
  <conditionalFormatting sqref="O40">
    <cfRule type="cellIs" dxfId="3005" priority="3004" stopIfTrue="1" operator="equal">
      <formula>0</formula>
    </cfRule>
    <cfRule type="cellIs" dxfId="3004" priority="3005" operator="lessThanOrEqual">
      <formula>90</formula>
    </cfRule>
    <cfRule type="cellIs" dxfId="3003" priority="3006" operator="greaterThanOrEqual">
      <formula>110</formula>
    </cfRule>
  </conditionalFormatting>
  <conditionalFormatting sqref="O41">
    <cfRule type="cellIs" dxfId="3002" priority="3001" stopIfTrue="1" operator="equal">
      <formula>0</formula>
    </cfRule>
    <cfRule type="cellIs" dxfId="3001" priority="3002" operator="lessThanOrEqual">
      <formula>90</formula>
    </cfRule>
    <cfRule type="cellIs" dxfId="3000" priority="3003" operator="greaterThanOrEqual">
      <formula>110</formula>
    </cfRule>
  </conditionalFormatting>
  <conditionalFormatting sqref="O42">
    <cfRule type="cellIs" dxfId="2999" priority="2998" stopIfTrue="1" operator="equal">
      <formula>0</formula>
    </cfRule>
    <cfRule type="cellIs" dxfId="2998" priority="2999" operator="lessThanOrEqual">
      <formula>90</formula>
    </cfRule>
    <cfRule type="cellIs" dxfId="2997" priority="3000" operator="greaterThanOrEqual">
      <formula>110</formula>
    </cfRule>
  </conditionalFormatting>
  <conditionalFormatting sqref="O43">
    <cfRule type="cellIs" dxfId="2996" priority="2995" stopIfTrue="1" operator="equal">
      <formula>0</formula>
    </cfRule>
    <cfRule type="cellIs" dxfId="2995" priority="2996" operator="lessThanOrEqual">
      <formula>90</formula>
    </cfRule>
    <cfRule type="cellIs" dxfId="2994" priority="2997" operator="greaterThanOrEqual">
      <formula>110</formula>
    </cfRule>
  </conditionalFormatting>
  <conditionalFormatting sqref="O44">
    <cfRule type="cellIs" dxfId="2993" priority="2992" stopIfTrue="1" operator="equal">
      <formula>0</formula>
    </cfRule>
    <cfRule type="cellIs" dxfId="2992" priority="2993" operator="lessThanOrEqual">
      <formula>90</formula>
    </cfRule>
    <cfRule type="cellIs" dxfId="2991" priority="2994" operator="greaterThanOrEqual">
      <formula>110</formula>
    </cfRule>
  </conditionalFormatting>
  <conditionalFormatting sqref="O45">
    <cfRule type="cellIs" dxfId="2990" priority="2989" stopIfTrue="1" operator="equal">
      <formula>0</formula>
    </cfRule>
    <cfRule type="cellIs" dxfId="2989" priority="2990" operator="lessThanOrEqual">
      <formula>90</formula>
    </cfRule>
    <cfRule type="cellIs" dxfId="2988" priority="2991" operator="greaterThanOrEqual">
      <formula>110</formula>
    </cfRule>
  </conditionalFormatting>
  <conditionalFormatting sqref="O46">
    <cfRule type="cellIs" dxfId="2987" priority="2986" stopIfTrue="1" operator="equal">
      <formula>0</formula>
    </cfRule>
    <cfRule type="cellIs" dxfId="2986" priority="2987" operator="lessThanOrEqual">
      <formula>90</formula>
    </cfRule>
    <cfRule type="cellIs" dxfId="2985" priority="2988" operator="greaterThanOrEqual">
      <formula>110</formula>
    </cfRule>
  </conditionalFormatting>
  <conditionalFormatting sqref="O47">
    <cfRule type="cellIs" dxfId="2984" priority="2983" stopIfTrue="1" operator="equal">
      <formula>0</formula>
    </cfRule>
    <cfRule type="cellIs" dxfId="2983" priority="2984" operator="lessThanOrEqual">
      <formula>90</formula>
    </cfRule>
    <cfRule type="cellIs" dxfId="2982" priority="2985" operator="greaterThanOrEqual">
      <formula>110</formula>
    </cfRule>
  </conditionalFormatting>
  <conditionalFormatting sqref="O48">
    <cfRule type="cellIs" dxfId="2981" priority="2980" stopIfTrue="1" operator="equal">
      <formula>0</formula>
    </cfRule>
    <cfRule type="cellIs" dxfId="2980" priority="2981" operator="lessThanOrEqual">
      <formula>90</formula>
    </cfRule>
    <cfRule type="cellIs" dxfId="2979" priority="2982" operator="greaterThanOrEqual">
      <formula>110</formula>
    </cfRule>
  </conditionalFormatting>
  <conditionalFormatting sqref="O49">
    <cfRule type="cellIs" dxfId="2978" priority="2977" stopIfTrue="1" operator="equal">
      <formula>0</formula>
    </cfRule>
    <cfRule type="cellIs" dxfId="2977" priority="2978" operator="lessThanOrEqual">
      <formula>90</formula>
    </cfRule>
    <cfRule type="cellIs" dxfId="2976" priority="2979" operator="greaterThanOrEqual">
      <formula>110</formula>
    </cfRule>
  </conditionalFormatting>
  <conditionalFormatting sqref="O50">
    <cfRule type="cellIs" dxfId="2975" priority="2974" stopIfTrue="1" operator="equal">
      <formula>0</formula>
    </cfRule>
    <cfRule type="cellIs" dxfId="2974" priority="2975" operator="lessThanOrEqual">
      <formula>90</formula>
    </cfRule>
    <cfRule type="cellIs" dxfId="2973" priority="2976" operator="greaterThanOrEqual">
      <formula>110</formula>
    </cfRule>
  </conditionalFormatting>
  <conditionalFormatting sqref="O51">
    <cfRule type="cellIs" dxfId="2972" priority="2971" stopIfTrue="1" operator="equal">
      <formula>0</formula>
    </cfRule>
    <cfRule type="cellIs" dxfId="2971" priority="2972" operator="lessThanOrEqual">
      <formula>90</formula>
    </cfRule>
    <cfRule type="cellIs" dxfId="2970" priority="2973" operator="greaterThanOrEqual">
      <formula>110</formula>
    </cfRule>
  </conditionalFormatting>
  <conditionalFormatting sqref="O52">
    <cfRule type="cellIs" dxfId="2969" priority="2968" stopIfTrue="1" operator="equal">
      <formula>0</formula>
    </cfRule>
    <cfRule type="cellIs" dxfId="2968" priority="2969" operator="lessThanOrEqual">
      <formula>90</formula>
    </cfRule>
    <cfRule type="cellIs" dxfId="2967" priority="2970" operator="greaterThanOrEqual">
      <formula>110</formula>
    </cfRule>
  </conditionalFormatting>
  <conditionalFormatting sqref="O53">
    <cfRule type="cellIs" dxfId="2966" priority="2965" stopIfTrue="1" operator="equal">
      <formula>0</formula>
    </cfRule>
    <cfRule type="cellIs" dxfId="2965" priority="2966" operator="lessThanOrEqual">
      <formula>90</formula>
    </cfRule>
    <cfRule type="cellIs" dxfId="2964" priority="2967" operator="greaterThanOrEqual">
      <formula>110</formula>
    </cfRule>
  </conditionalFormatting>
  <conditionalFormatting sqref="O54">
    <cfRule type="cellIs" dxfId="2963" priority="2962" stopIfTrue="1" operator="equal">
      <formula>0</formula>
    </cfRule>
    <cfRule type="cellIs" dxfId="2962" priority="2963" operator="lessThanOrEqual">
      <formula>90</formula>
    </cfRule>
    <cfRule type="cellIs" dxfId="2961" priority="2964" operator="greaterThanOrEqual">
      <formula>110</formula>
    </cfRule>
  </conditionalFormatting>
  <conditionalFormatting sqref="O55">
    <cfRule type="cellIs" dxfId="2960" priority="2959" stopIfTrue="1" operator="equal">
      <formula>0</formula>
    </cfRule>
    <cfRule type="cellIs" dxfId="2959" priority="2960" operator="lessThanOrEqual">
      <formula>90</formula>
    </cfRule>
    <cfRule type="cellIs" dxfId="2958" priority="2961" operator="greaterThanOrEqual">
      <formula>110</formula>
    </cfRule>
  </conditionalFormatting>
  <conditionalFormatting sqref="O56">
    <cfRule type="cellIs" dxfId="2957" priority="2956" stopIfTrue="1" operator="equal">
      <formula>0</formula>
    </cfRule>
    <cfRule type="cellIs" dxfId="2956" priority="2957" operator="lessThanOrEqual">
      <formula>90</formula>
    </cfRule>
    <cfRule type="cellIs" dxfId="2955" priority="2958" operator="greaterThanOrEqual">
      <formula>110</formula>
    </cfRule>
  </conditionalFormatting>
  <conditionalFormatting sqref="O57">
    <cfRule type="cellIs" dxfId="2954" priority="2953" stopIfTrue="1" operator="equal">
      <formula>0</formula>
    </cfRule>
    <cfRule type="cellIs" dxfId="2953" priority="2954" operator="lessThanOrEqual">
      <formula>90</formula>
    </cfRule>
    <cfRule type="cellIs" dxfId="2952" priority="2955" operator="greaterThanOrEqual">
      <formula>110</formula>
    </cfRule>
  </conditionalFormatting>
  <conditionalFormatting sqref="O58">
    <cfRule type="cellIs" dxfId="2951" priority="2950" stopIfTrue="1" operator="equal">
      <formula>0</formula>
    </cfRule>
    <cfRule type="cellIs" dxfId="2950" priority="2951" operator="lessThanOrEqual">
      <formula>90</formula>
    </cfRule>
    <cfRule type="cellIs" dxfId="2949" priority="2952" operator="greaterThanOrEqual">
      <formula>110</formula>
    </cfRule>
  </conditionalFormatting>
  <conditionalFormatting sqref="O59">
    <cfRule type="cellIs" dxfId="2948" priority="2947" stopIfTrue="1" operator="equal">
      <formula>0</formula>
    </cfRule>
    <cfRule type="cellIs" dxfId="2947" priority="2948" operator="lessThanOrEqual">
      <formula>90</formula>
    </cfRule>
    <cfRule type="cellIs" dxfId="2946" priority="2949" operator="greaterThanOrEqual">
      <formula>110</formula>
    </cfRule>
  </conditionalFormatting>
  <conditionalFormatting sqref="O60">
    <cfRule type="cellIs" dxfId="2945" priority="2944" stopIfTrue="1" operator="equal">
      <formula>0</formula>
    </cfRule>
    <cfRule type="cellIs" dxfId="2944" priority="2945" operator="lessThanOrEqual">
      <formula>90</formula>
    </cfRule>
    <cfRule type="cellIs" dxfId="2943" priority="2946" operator="greaterThanOrEqual">
      <formula>110</formula>
    </cfRule>
  </conditionalFormatting>
  <conditionalFormatting sqref="O61">
    <cfRule type="cellIs" dxfId="2942" priority="2941" stopIfTrue="1" operator="equal">
      <formula>0</formula>
    </cfRule>
    <cfRule type="cellIs" dxfId="2941" priority="2942" operator="lessThanOrEqual">
      <formula>90</formula>
    </cfRule>
    <cfRule type="cellIs" dxfId="2940" priority="2943" operator="greaterThanOrEqual">
      <formula>110</formula>
    </cfRule>
  </conditionalFormatting>
  <conditionalFormatting sqref="O62">
    <cfRule type="cellIs" dxfId="2939" priority="2938" stopIfTrue="1" operator="equal">
      <formula>0</formula>
    </cfRule>
    <cfRule type="cellIs" dxfId="2938" priority="2939" operator="lessThanOrEqual">
      <formula>90</formula>
    </cfRule>
    <cfRule type="cellIs" dxfId="2937" priority="2940" operator="greaterThanOrEqual">
      <formula>110</formula>
    </cfRule>
  </conditionalFormatting>
  <conditionalFormatting sqref="O63">
    <cfRule type="cellIs" dxfId="2936" priority="2935" stopIfTrue="1" operator="equal">
      <formula>0</formula>
    </cfRule>
    <cfRule type="cellIs" dxfId="2935" priority="2936" operator="lessThanOrEqual">
      <formula>90</formula>
    </cfRule>
    <cfRule type="cellIs" dxfId="2934" priority="2937" operator="greaterThanOrEqual">
      <formula>110</formula>
    </cfRule>
  </conditionalFormatting>
  <conditionalFormatting sqref="O64">
    <cfRule type="cellIs" dxfId="2933" priority="2932" stopIfTrue="1" operator="equal">
      <formula>0</formula>
    </cfRule>
    <cfRule type="cellIs" dxfId="2932" priority="2933" operator="lessThanOrEqual">
      <formula>90</formula>
    </cfRule>
    <cfRule type="cellIs" dxfId="2931" priority="2934" operator="greaterThanOrEqual">
      <formula>110</formula>
    </cfRule>
  </conditionalFormatting>
  <conditionalFormatting sqref="O65">
    <cfRule type="cellIs" dxfId="2930" priority="2929" stopIfTrue="1" operator="equal">
      <formula>0</formula>
    </cfRule>
    <cfRule type="cellIs" dxfId="2929" priority="2930" operator="lessThanOrEqual">
      <formula>90</formula>
    </cfRule>
    <cfRule type="cellIs" dxfId="2928" priority="2931" operator="greaterThanOrEqual">
      <formula>110</formula>
    </cfRule>
  </conditionalFormatting>
  <conditionalFormatting sqref="P5">
    <cfRule type="cellIs" dxfId="2927" priority="2926" stopIfTrue="1" operator="equal">
      <formula>0</formula>
    </cfRule>
    <cfRule type="cellIs" dxfId="2926" priority="2927" operator="lessThanOrEqual">
      <formula>90</formula>
    </cfRule>
    <cfRule type="cellIs" dxfId="2925" priority="2928" operator="greaterThanOrEqual">
      <formula>110</formula>
    </cfRule>
  </conditionalFormatting>
  <conditionalFormatting sqref="P6">
    <cfRule type="cellIs" dxfId="2924" priority="2923" stopIfTrue="1" operator="equal">
      <formula>0</formula>
    </cfRule>
    <cfRule type="cellIs" dxfId="2923" priority="2924" operator="lessThanOrEqual">
      <formula>90</formula>
    </cfRule>
    <cfRule type="cellIs" dxfId="2922" priority="2925" operator="greaterThanOrEqual">
      <formula>110</formula>
    </cfRule>
  </conditionalFormatting>
  <conditionalFormatting sqref="P7">
    <cfRule type="cellIs" dxfId="2921" priority="2920" stopIfTrue="1" operator="equal">
      <formula>0</formula>
    </cfRule>
    <cfRule type="cellIs" dxfId="2920" priority="2921" operator="lessThanOrEqual">
      <formula>90</formula>
    </cfRule>
    <cfRule type="cellIs" dxfId="2919" priority="2922" operator="greaterThanOrEqual">
      <formula>110</formula>
    </cfRule>
  </conditionalFormatting>
  <conditionalFormatting sqref="P8">
    <cfRule type="cellIs" dxfId="2918" priority="2917" stopIfTrue="1" operator="equal">
      <formula>0</formula>
    </cfRule>
    <cfRule type="cellIs" dxfId="2917" priority="2918" operator="lessThanOrEqual">
      <formula>90</formula>
    </cfRule>
    <cfRule type="cellIs" dxfId="2916" priority="2919" operator="greaterThanOrEqual">
      <formula>110</formula>
    </cfRule>
  </conditionalFormatting>
  <conditionalFormatting sqref="P9">
    <cfRule type="cellIs" dxfId="2915" priority="2914" stopIfTrue="1" operator="equal">
      <formula>0</formula>
    </cfRule>
    <cfRule type="cellIs" dxfId="2914" priority="2915" operator="lessThanOrEqual">
      <formula>90</formula>
    </cfRule>
    <cfRule type="cellIs" dxfId="2913" priority="2916" operator="greaterThanOrEqual">
      <formula>110</formula>
    </cfRule>
  </conditionalFormatting>
  <conditionalFormatting sqref="P10">
    <cfRule type="cellIs" dxfId="2912" priority="2911" stopIfTrue="1" operator="equal">
      <formula>0</formula>
    </cfRule>
    <cfRule type="cellIs" dxfId="2911" priority="2912" operator="lessThanOrEqual">
      <formula>90</formula>
    </cfRule>
    <cfRule type="cellIs" dxfId="2910" priority="2913" operator="greaterThanOrEqual">
      <formula>110</formula>
    </cfRule>
  </conditionalFormatting>
  <conditionalFormatting sqref="P11">
    <cfRule type="cellIs" dxfId="2909" priority="2908" stopIfTrue="1" operator="equal">
      <formula>0</formula>
    </cfRule>
    <cfRule type="cellIs" dxfId="2908" priority="2909" operator="lessThanOrEqual">
      <formula>90</formula>
    </cfRule>
    <cfRule type="cellIs" dxfId="2907" priority="2910" operator="greaterThanOrEqual">
      <formula>110</formula>
    </cfRule>
  </conditionalFormatting>
  <conditionalFormatting sqref="P12">
    <cfRule type="cellIs" dxfId="2906" priority="2905" stopIfTrue="1" operator="equal">
      <formula>0</formula>
    </cfRule>
    <cfRule type="cellIs" dxfId="2905" priority="2906" operator="lessThanOrEqual">
      <formula>90</formula>
    </cfRule>
    <cfRule type="cellIs" dxfId="2904" priority="2907" operator="greaterThanOrEqual">
      <formula>110</formula>
    </cfRule>
  </conditionalFormatting>
  <conditionalFormatting sqref="P13">
    <cfRule type="cellIs" dxfId="2903" priority="2902" stopIfTrue="1" operator="equal">
      <formula>0</formula>
    </cfRule>
    <cfRule type="cellIs" dxfId="2902" priority="2903" operator="lessThanOrEqual">
      <formula>90</formula>
    </cfRule>
    <cfRule type="cellIs" dxfId="2901" priority="2904" operator="greaterThanOrEqual">
      <formula>110</formula>
    </cfRule>
  </conditionalFormatting>
  <conditionalFormatting sqref="P14">
    <cfRule type="cellIs" dxfId="2900" priority="2899" stopIfTrue="1" operator="equal">
      <formula>0</formula>
    </cfRule>
    <cfRule type="cellIs" dxfId="2899" priority="2900" operator="lessThanOrEqual">
      <formula>90</formula>
    </cfRule>
    <cfRule type="cellIs" dxfId="2898" priority="2901" operator="greaterThanOrEqual">
      <formula>110</formula>
    </cfRule>
  </conditionalFormatting>
  <conditionalFormatting sqref="P15">
    <cfRule type="cellIs" dxfId="2897" priority="2896" stopIfTrue="1" operator="equal">
      <formula>0</formula>
    </cfRule>
    <cfRule type="cellIs" dxfId="2896" priority="2897" operator="lessThanOrEqual">
      <formula>90</formula>
    </cfRule>
    <cfRule type="cellIs" dxfId="2895" priority="2898" operator="greaterThanOrEqual">
      <formula>110</formula>
    </cfRule>
  </conditionalFormatting>
  <conditionalFormatting sqref="P16">
    <cfRule type="cellIs" dxfId="2894" priority="2893" stopIfTrue="1" operator="equal">
      <formula>0</formula>
    </cfRule>
    <cfRule type="cellIs" dxfId="2893" priority="2894" operator="lessThanOrEqual">
      <formula>90</formula>
    </cfRule>
    <cfRule type="cellIs" dxfId="2892" priority="2895" operator="greaterThanOrEqual">
      <formula>110</formula>
    </cfRule>
  </conditionalFormatting>
  <conditionalFormatting sqref="P17">
    <cfRule type="cellIs" dxfId="2891" priority="2890" stopIfTrue="1" operator="equal">
      <formula>0</formula>
    </cfRule>
    <cfRule type="cellIs" dxfId="2890" priority="2891" operator="lessThanOrEqual">
      <formula>90</formula>
    </cfRule>
    <cfRule type="cellIs" dxfId="2889" priority="2892" operator="greaterThanOrEqual">
      <formula>110</formula>
    </cfRule>
  </conditionalFormatting>
  <conditionalFormatting sqref="P18">
    <cfRule type="cellIs" dxfId="2888" priority="2887" stopIfTrue="1" operator="equal">
      <formula>0</formula>
    </cfRule>
    <cfRule type="cellIs" dxfId="2887" priority="2888" operator="lessThanOrEqual">
      <formula>90</formula>
    </cfRule>
    <cfRule type="cellIs" dxfId="2886" priority="2889" operator="greaterThanOrEqual">
      <formula>110</formula>
    </cfRule>
  </conditionalFormatting>
  <conditionalFormatting sqref="P19">
    <cfRule type="cellIs" dxfId="2885" priority="2884" stopIfTrue="1" operator="equal">
      <formula>0</formula>
    </cfRule>
    <cfRule type="cellIs" dxfId="2884" priority="2885" operator="lessThanOrEqual">
      <formula>90</formula>
    </cfRule>
    <cfRule type="cellIs" dxfId="2883" priority="2886" operator="greaterThanOrEqual">
      <formula>110</formula>
    </cfRule>
  </conditionalFormatting>
  <conditionalFormatting sqref="P20">
    <cfRule type="cellIs" dxfId="2882" priority="2881" stopIfTrue="1" operator="equal">
      <formula>0</formula>
    </cfRule>
    <cfRule type="cellIs" dxfId="2881" priority="2882" operator="lessThanOrEqual">
      <formula>90</formula>
    </cfRule>
    <cfRule type="cellIs" dxfId="2880" priority="2883" operator="greaterThanOrEqual">
      <formula>110</formula>
    </cfRule>
  </conditionalFormatting>
  <conditionalFormatting sqref="P21">
    <cfRule type="cellIs" dxfId="2879" priority="2878" stopIfTrue="1" operator="equal">
      <formula>0</formula>
    </cfRule>
    <cfRule type="cellIs" dxfId="2878" priority="2879" operator="lessThanOrEqual">
      <formula>90</formula>
    </cfRule>
    <cfRule type="cellIs" dxfId="2877" priority="2880" operator="greaterThanOrEqual">
      <formula>110</formula>
    </cfRule>
  </conditionalFormatting>
  <conditionalFormatting sqref="P22">
    <cfRule type="cellIs" dxfId="2876" priority="2875" stopIfTrue="1" operator="equal">
      <formula>0</formula>
    </cfRule>
    <cfRule type="cellIs" dxfId="2875" priority="2876" operator="lessThanOrEqual">
      <formula>90</formula>
    </cfRule>
    <cfRule type="cellIs" dxfId="2874" priority="2877" operator="greaterThanOrEqual">
      <formula>110</formula>
    </cfRule>
  </conditionalFormatting>
  <conditionalFormatting sqref="P23">
    <cfRule type="cellIs" dxfId="2873" priority="2872" stopIfTrue="1" operator="equal">
      <formula>0</formula>
    </cfRule>
    <cfRule type="cellIs" dxfId="2872" priority="2873" operator="lessThanOrEqual">
      <formula>90</formula>
    </cfRule>
    <cfRule type="cellIs" dxfId="2871" priority="2874" operator="greaterThanOrEqual">
      <formula>110</formula>
    </cfRule>
  </conditionalFormatting>
  <conditionalFormatting sqref="P24">
    <cfRule type="cellIs" dxfId="2870" priority="2869" stopIfTrue="1" operator="equal">
      <formula>0</formula>
    </cfRule>
    <cfRule type="cellIs" dxfId="2869" priority="2870" operator="lessThanOrEqual">
      <formula>90</formula>
    </cfRule>
    <cfRule type="cellIs" dxfId="2868" priority="2871" operator="greaterThanOrEqual">
      <formula>110</formula>
    </cfRule>
  </conditionalFormatting>
  <conditionalFormatting sqref="P25">
    <cfRule type="cellIs" dxfId="2867" priority="2866" stopIfTrue="1" operator="equal">
      <formula>0</formula>
    </cfRule>
    <cfRule type="cellIs" dxfId="2866" priority="2867" operator="lessThanOrEqual">
      <formula>90</formula>
    </cfRule>
    <cfRule type="cellIs" dxfId="2865" priority="2868" operator="greaterThanOrEqual">
      <formula>110</formula>
    </cfRule>
  </conditionalFormatting>
  <conditionalFormatting sqref="P26">
    <cfRule type="cellIs" dxfId="2864" priority="2863" stopIfTrue="1" operator="equal">
      <formula>0</formula>
    </cfRule>
    <cfRule type="cellIs" dxfId="2863" priority="2864" operator="lessThanOrEqual">
      <formula>90</formula>
    </cfRule>
    <cfRule type="cellIs" dxfId="2862" priority="2865" operator="greaterThanOrEqual">
      <formula>110</formula>
    </cfRule>
  </conditionalFormatting>
  <conditionalFormatting sqref="P27">
    <cfRule type="cellIs" dxfId="2861" priority="2860" stopIfTrue="1" operator="equal">
      <formula>0</formula>
    </cfRule>
    <cfRule type="cellIs" dxfId="2860" priority="2861" operator="lessThanOrEqual">
      <formula>90</formula>
    </cfRule>
    <cfRule type="cellIs" dxfId="2859" priority="2862" operator="greaterThanOrEqual">
      <formula>110</formula>
    </cfRule>
  </conditionalFormatting>
  <conditionalFormatting sqref="P28">
    <cfRule type="cellIs" dxfId="2858" priority="2857" stopIfTrue="1" operator="equal">
      <formula>0</formula>
    </cfRule>
    <cfRule type="cellIs" dxfId="2857" priority="2858" operator="lessThanOrEqual">
      <formula>90</formula>
    </cfRule>
    <cfRule type="cellIs" dxfId="2856" priority="2859" operator="greaterThanOrEqual">
      <formula>110</formula>
    </cfRule>
  </conditionalFormatting>
  <conditionalFormatting sqref="P29">
    <cfRule type="cellIs" dxfId="2855" priority="2854" stopIfTrue="1" operator="equal">
      <formula>0</formula>
    </cfRule>
    <cfRule type="cellIs" dxfId="2854" priority="2855" operator="lessThanOrEqual">
      <formula>90</formula>
    </cfRule>
    <cfRule type="cellIs" dxfId="2853" priority="2856" operator="greaterThanOrEqual">
      <formula>110</formula>
    </cfRule>
  </conditionalFormatting>
  <conditionalFormatting sqref="P30">
    <cfRule type="cellIs" dxfId="2852" priority="2851" stopIfTrue="1" operator="equal">
      <formula>0</formula>
    </cfRule>
    <cfRule type="cellIs" dxfId="2851" priority="2852" operator="lessThanOrEqual">
      <formula>90</formula>
    </cfRule>
    <cfRule type="cellIs" dxfId="2850" priority="2853" operator="greaterThanOrEqual">
      <formula>110</formula>
    </cfRule>
  </conditionalFormatting>
  <conditionalFormatting sqref="P31">
    <cfRule type="cellIs" dxfId="2849" priority="2848" stopIfTrue="1" operator="equal">
      <formula>0</formula>
    </cfRule>
    <cfRule type="cellIs" dxfId="2848" priority="2849" operator="lessThanOrEqual">
      <formula>90</formula>
    </cfRule>
    <cfRule type="cellIs" dxfId="2847" priority="2850" operator="greaterThanOrEqual">
      <formula>110</formula>
    </cfRule>
  </conditionalFormatting>
  <conditionalFormatting sqref="P32">
    <cfRule type="cellIs" dxfId="2846" priority="2845" stopIfTrue="1" operator="equal">
      <formula>0</formula>
    </cfRule>
    <cfRule type="cellIs" dxfId="2845" priority="2846" operator="lessThanOrEqual">
      <formula>90</formula>
    </cfRule>
    <cfRule type="cellIs" dxfId="2844" priority="2847" operator="greaterThanOrEqual">
      <formula>110</formula>
    </cfRule>
  </conditionalFormatting>
  <conditionalFormatting sqref="P33">
    <cfRule type="cellIs" dxfId="2843" priority="2842" stopIfTrue="1" operator="equal">
      <formula>0</formula>
    </cfRule>
    <cfRule type="cellIs" dxfId="2842" priority="2843" operator="lessThanOrEqual">
      <formula>90</formula>
    </cfRule>
    <cfRule type="cellIs" dxfId="2841" priority="2844" operator="greaterThanOrEqual">
      <formula>110</formula>
    </cfRule>
  </conditionalFormatting>
  <conditionalFormatting sqref="P34">
    <cfRule type="cellIs" dxfId="2840" priority="2839" stopIfTrue="1" operator="equal">
      <formula>0</formula>
    </cfRule>
    <cfRule type="cellIs" dxfId="2839" priority="2840" operator="lessThanOrEqual">
      <formula>90</formula>
    </cfRule>
    <cfRule type="cellIs" dxfId="2838" priority="2841" operator="greaterThanOrEqual">
      <formula>110</formula>
    </cfRule>
  </conditionalFormatting>
  <conditionalFormatting sqref="P35">
    <cfRule type="cellIs" dxfId="2837" priority="2836" stopIfTrue="1" operator="equal">
      <formula>0</formula>
    </cfRule>
    <cfRule type="cellIs" dxfId="2836" priority="2837" operator="lessThanOrEqual">
      <formula>90</formula>
    </cfRule>
    <cfRule type="cellIs" dxfId="2835" priority="2838" operator="greaterThanOrEqual">
      <formula>110</formula>
    </cfRule>
  </conditionalFormatting>
  <conditionalFormatting sqref="P36">
    <cfRule type="cellIs" dxfId="2834" priority="2833" stopIfTrue="1" operator="equal">
      <formula>0</formula>
    </cfRule>
    <cfRule type="cellIs" dxfId="2833" priority="2834" operator="lessThanOrEqual">
      <formula>90</formula>
    </cfRule>
    <cfRule type="cellIs" dxfId="2832" priority="2835" operator="greaterThanOrEqual">
      <formula>110</formula>
    </cfRule>
  </conditionalFormatting>
  <conditionalFormatting sqref="P37">
    <cfRule type="cellIs" dxfId="2831" priority="2830" stopIfTrue="1" operator="equal">
      <formula>0</formula>
    </cfRule>
    <cfRule type="cellIs" dxfId="2830" priority="2831" operator="lessThanOrEqual">
      <formula>90</formula>
    </cfRule>
    <cfRule type="cellIs" dxfId="2829" priority="2832" operator="greaterThanOrEqual">
      <formula>110</formula>
    </cfRule>
  </conditionalFormatting>
  <conditionalFormatting sqref="P38">
    <cfRule type="cellIs" dxfId="2828" priority="2827" stopIfTrue="1" operator="equal">
      <formula>0</formula>
    </cfRule>
    <cfRule type="cellIs" dxfId="2827" priority="2828" operator="lessThanOrEqual">
      <formula>90</formula>
    </cfRule>
    <cfRule type="cellIs" dxfId="2826" priority="2829" operator="greaterThanOrEqual">
      <formula>110</formula>
    </cfRule>
  </conditionalFormatting>
  <conditionalFormatting sqref="P39">
    <cfRule type="cellIs" dxfId="2825" priority="2824" stopIfTrue="1" operator="equal">
      <formula>0</formula>
    </cfRule>
    <cfRule type="cellIs" dxfId="2824" priority="2825" operator="lessThanOrEqual">
      <formula>90</formula>
    </cfRule>
    <cfRule type="cellIs" dxfId="2823" priority="2826" operator="greaterThanOrEqual">
      <formula>110</formula>
    </cfRule>
  </conditionalFormatting>
  <conditionalFormatting sqref="P40">
    <cfRule type="cellIs" dxfId="2822" priority="2821" stopIfTrue="1" operator="equal">
      <formula>0</formula>
    </cfRule>
    <cfRule type="cellIs" dxfId="2821" priority="2822" operator="lessThanOrEqual">
      <formula>90</formula>
    </cfRule>
    <cfRule type="cellIs" dxfId="2820" priority="2823" operator="greaterThanOrEqual">
      <formula>110</formula>
    </cfRule>
  </conditionalFormatting>
  <conditionalFormatting sqref="P41">
    <cfRule type="cellIs" dxfId="2819" priority="2818" stopIfTrue="1" operator="equal">
      <formula>0</formula>
    </cfRule>
    <cfRule type="cellIs" dxfId="2818" priority="2819" operator="lessThanOrEqual">
      <formula>90</formula>
    </cfRule>
    <cfRule type="cellIs" dxfId="2817" priority="2820" operator="greaterThanOrEqual">
      <formula>110</formula>
    </cfRule>
  </conditionalFormatting>
  <conditionalFormatting sqref="P42">
    <cfRule type="cellIs" dxfId="2816" priority="2815" stopIfTrue="1" operator="equal">
      <formula>0</formula>
    </cfRule>
    <cfRule type="cellIs" dxfId="2815" priority="2816" operator="lessThanOrEqual">
      <formula>90</formula>
    </cfRule>
    <cfRule type="cellIs" dxfId="2814" priority="2817" operator="greaterThanOrEqual">
      <formula>110</formula>
    </cfRule>
  </conditionalFormatting>
  <conditionalFormatting sqref="P43">
    <cfRule type="cellIs" dxfId="2813" priority="2812" stopIfTrue="1" operator="equal">
      <formula>0</formula>
    </cfRule>
    <cfRule type="cellIs" dxfId="2812" priority="2813" operator="lessThanOrEqual">
      <formula>90</formula>
    </cfRule>
    <cfRule type="cellIs" dxfId="2811" priority="2814" operator="greaterThanOrEqual">
      <formula>110</formula>
    </cfRule>
  </conditionalFormatting>
  <conditionalFormatting sqref="P44">
    <cfRule type="cellIs" dxfId="2810" priority="2809" stopIfTrue="1" operator="equal">
      <formula>0</formula>
    </cfRule>
    <cfRule type="cellIs" dxfId="2809" priority="2810" operator="lessThanOrEqual">
      <formula>90</formula>
    </cfRule>
    <cfRule type="cellIs" dxfId="2808" priority="2811" operator="greaterThanOrEqual">
      <formula>110</formula>
    </cfRule>
  </conditionalFormatting>
  <conditionalFormatting sqref="P45">
    <cfRule type="cellIs" dxfId="2807" priority="2806" stopIfTrue="1" operator="equal">
      <formula>0</formula>
    </cfRule>
    <cfRule type="cellIs" dxfId="2806" priority="2807" operator="lessThanOrEqual">
      <formula>90</formula>
    </cfRule>
    <cfRule type="cellIs" dxfId="2805" priority="2808" operator="greaterThanOrEqual">
      <formula>110</formula>
    </cfRule>
  </conditionalFormatting>
  <conditionalFormatting sqref="P46">
    <cfRule type="cellIs" dxfId="2804" priority="2803" stopIfTrue="1" operator="equal">
      <formula>0</formula>
    </cfRule>
    <cfRule type="cellIs" dxfId="2803" priority="2804" operator="lessThanOrEqual">
      <formula>90</formula>
    </cfRule>
    <cfRule type="cellIs" dxfId="2802" priority="2805" operator="greaterThanOrEqual">
      <formula>110</formula>
    </cfRule>
  </conditionalFormatting>
  <conditionalFormatting sqref="P47">
    <cfRule type="cellIs" dxfId="2801" priority="2800" stopIfTrue="1" operator="equal">
      <formula>0</formula>
    </cfRule>
    <cfRule type="cellIs" dxfId="2800" priority="2801" operator="lessThanOrEqual">
      <formula>90</formula>
    </cfRule>
    <cfRule type="cellIs" dxfId="2799" priority="2802" operator="greaterThanOrEqual">
      <formula>110</formula>
    </cfRule>
  </conditionalFormatting>
  <conditionalFormatting sqref="P48">
    <cfRule type="cellIs" dxfId="2798" priority="2797" stopIfTrue="1" operator="equal">
      <formula>0</formula>
    </cfRule>
    <cfRule type="cellIs" dxfId="2797" priority="2798" operator="lessThanOrEqual">
      <formula>90</formula>
    </cfRule>
    <cfRule type="cellIs" dxfId="2796" priority="2799" operator="greaterThanOrEqual">
      <formula>110</formula>
    </cfRule>
  </conditionalFormatting>
  <conditionalFormatting sqref="P49">
    <cfRule type="cellIs" dxfId="2795" priority="2794" stopIfTrue="1" operator="equal">
      <formula>0</formula>
    </cfRule>
    <cfRule type="cellIs" dxfId="2794" priority="2795" operator="lessThanOrEqual">
      <formula>90</formula>
    </cfRule>
    <cfRule type="cellIs" dxfId="2793" priority="2796" operator="greaterThanOrEqual">
      <formula>110</formula>
    </cfRule>
  </conditionalFormatting>
  <conditionalFormatting sqref="P50">
    <cfRule type="cellIs" dxfId="2792" priority="2791" stopIfTrue="1" operator="equal">
      <formula>0</formula>
    </cfRule>
    <cfRule type="cellIs" dxfId="2791" priority="2792" operator="lessThanOrEqual">
      <formula>90</formula>
    </cfRule>
    <cfRule type="cellIs" dxfId="2790" priority="2793" operator="greaterThanOrEqual">
      <formula>110</formula>
    </cfRule>
  </conditionalFormatting>
  <conditionalFormatting sqref="P51">
    <cfRule type="cellIs" dxfId="2789" priority="2788" stopIfTrue="1" operator="equal">
      <formula>0</formula>
    </cfRule>
    <cfRule type="cellIs" dxfId="2788" priority="2789" operator="lessThanOrEqual">
      <formula>90</formula>
    </cfRule>
    <cfRule type="cellIs" dxfId="2787" priority="2790" operator="greaterThanOrEqual">
      <formula>110</formula>
    </cfRule>
  </conditionalFormatting>
  <conditionalFormatting sqref="P52">
    <cfRule type="cellIs" dxfId="2786" priority="2785" stopIfTrue="1" operator="equal">
      <formula>0</formula>
    </cfRule>
    <cfRule type="cellIs" dxfId="2785" priority="2786" operator="lessThanOrEqual">
      <formula>90</formula>
    </cfRule>
    <cfRule type="cellIs" dxfId="2784" priority="2787" operator="greaterThanOrEqual">
      <formula>110</formula>
    </cfRule>
  </conditionalFormatting>
  <conditionalFormatting sqref="P53">
    <cfRule type="cellIs" dxfId="2783" priority="2782" stopIfTrue="1" operator="equal">
      <formula>0</formula>
    </cfRule>
    <cfRule type="cellIs" dxfId="2782" priority="2783" operator="lessThanOrEqual">
      <formula>90</formula>
    </cfRule>
    <cfRule type="cellIs" dxfId="2781" priority="2784" operator="greaterThanOrEqual">
      <formula>110</formula>
    </cfRule>
  </conditionalFormatting>
  <conditionalFormatting sqref="P54">
    <cfRule type="cellIs" dxfId="2780" priority="2779" stopIfTrue="1" operator="equal">
      <formula>0</formula>
    </cfRule>
    <cfRule type="cellIs" dxfId="2779" priority="2780" operator="lessThanOrEqual">
      <formula>90</formula>
    </cfRule>
    <cfRule type="cellIs" dxfId="2778" priority="2781" operator="greaterThanOrEqual">
      <formula>110</formula>
    </cfRule>
  </conditionalFormatting>
  <conditionalFormatting sqref="P55">
    <cfRule type="cellIs" dxfId="2777" priority="2776" stopIfTrue="1" operator="equal">
      <formula>0</formula>
    </cfRule>
    <cfRule type="cellIs" dxfId="2776" priority="2777" operator="lessThanOrEqual">
      <formula>90</formula>
    </cfRule>
    <cfRule type="cellIs" dxfId="2775" priority="2778" operator="greaterThanOrEqual">
      <formula>110</formula>
    </cfRule>
  </conditionalFormatting>
  <conditionalFormatting sqref="P56">
    <cfRule type="cellIs" dxfId="2774" priority="2773" stopIfTrue="1" operator="equal">
      <formula>0</formula>
    </cfRule>
    <cfRule type="cellIs" dxfId="2773" priority="2774" operator="lessThanOrEqual">
      <formula>90</formula>
    </cfRule>
    <cfRule type="cellIs" dxfId="2772" priority="2775" operator="greaterThanOrEqual">
      <formula>110</formula>
    </cfRule>
  </conditionalFormatting>
  <conditionalFormatting sqref="P57">
    <cfRule type="cellIs" dxfId="2771" priority="2770" stopIfTrue="1" operator="equal">
      <formula>0</formula>
    </cfRule>
    <cfRule type="cellIs" dxfId="2770" priority="2771" operator="lessThanOrEqual">
      <formula>90</formula>
    </cfRule>
    <cfRule type="cellIs" dxfId="2769" priority="2772" operator="greaterThanOrEqual">
      <formula>110</formula>
    </cfRule>
  </conditionalFormatting>
  <conditionalFormatting sqref="P58">
    <cfRule type="cellIs" dxfId="2768" priority="2767" stopIfTrue="1" operator="equal">
      <formula>0</formula>
    </cfRule>
    <cfRule type="cellIs" dxfId="2767" priority="2768" operator="lessThanOrEqual">
      <formula>90</formula>
    </cfRule>
    <cfRule type="cellIs" dxfId="2766" priority="2769" operator="greaterThanOrEqual">
      <formula>110</formula>
    </cfRule>
  </conditionalFormatting>
  <conditionalFormatting sqref="P59">
    <cfRule type="cellIs" dxfId="2765" priority="2764" stopIfTrue="1" operator="equal">
      <formula>0</formula>
    </cfRule>
    <cfRule type="cellIs" dxfId="2764" priority="2765" operator="lessThanOrEqual">
      <formula>90</formula>
    </cfRule>
    <cfRule type="cellIs" dxfId="2763" priority="2766" operator="greaterThanOrEqual">
      <formula>110</formula>
    </cfRule>
  </conditionalFormatting>
  <conditionalFormatting sqref="P60">
    <cfRule type="cellIs" dxfId="2762" priority="2761" stopIfTrue="1" operator="equal">
      <formula>0</formula>
    </cfRule>
    <cfRule type="cellIs" dxfId="2761" priority="2762" operator="lessThanOrEqual">
      <formula>90</formula>
    </cfRule>
    <cfRule type="cellIs" dxfId="2760" priority="2763" operator="greaterThanOrEqual">
      <formula>110</formula>
    </cfRule>
  </conditionalFormatting>
  <conditionalFormatting sqref="P61">
    <cfRule type="cellIs" dxfId="2759" priority="2758" stopIfTrue="1" operator="equal">
      <formula>0</formula>
    </cfRule>
    <cfRule type="cellIs" dxfId="2758" priority="2759" operator="lessThanOrEqual">
      <formula>90</formula>
    </cfRule>
    <cfRule type="cellIs" dxfId="2757" priority="2760" operator="greaterThanOrEqual">
      <formula>110</formula>
    </cfRule>
  </conditionalFormatting>
  <conditionalFormatting sqref="P62">
    <cfRule type="cellIs" dxfId="2756" priority="2755" stopIfTrue="1" operator="equal">
      <formula>0</formula>
    </cfRule>
    <cfRule type="cellIs" dxfId="2755" priority="2756" operator="lessThanOrEqual">
      <formula>90</formula>
    </cfRule>
    <cfRule type="cellIs" dxfId="2754" priority="2757" operator="greaterThanOrEqual">
      <formula>110</formula>
    </cfRule>
  </conditionalFormatting>
  <conditionalFormatting sqref="P63">
    <cfRule type="cellIs" dxfId="2753" priority="2752" stopIfTrue="1" operator="equal">
      <formula>0</formula>
    </cfRule>
    <cfRule type="cellIs" dxfId="2752" priority="2753" operator="lessThanOrEqual">
      <formula>90</formula>
    </cfRule>
    <cfRule type="cellIs" dxfId="2751" priority="2754" operator="greaterThanOrEqual">
      <formula>110</formula>
    </cfRule>
  </conditionalFormatting>
  <conditionalFormatting sqref="P64">
    <cfRule type="cellIs" dxfId="2750" priority="2749" stopIfTrue="1" operator="equal">
      <formula>0</formula>
    </cfRule>
    <cfRule type="cellIs" dxfId="2749" priority="2750" operator="lessThanOrEqual">
      <formula>90</formula>
    </cfRule>
    <cfRule type="cellIs" dxfId="2748" priority="2751" operator="greaterThanOrEqual">
      <formula>110</formula>
    </cfRule>
  </conditionalFormatting>
  <conditionalFormatting sqref="P65">
    <cfRule type="cellIs" dxfId="2747" priority="2746" stopIfTrue="1" operator="equal">
      <formula>0</formula>
    </cfRule>
    <cfRule type="cellIs" dxfId="2746" priority="2747" operator="lessThanOrEqual">
      <formula>90</formula>
    </cfRule>
    <cfRule type="cellIs" dxfId="2745" priority="2748" operator="greaterThanOrEqual">
      <formula>110</formula>
    </cfRule>
  </conditionalFormatting>
  <conditionalFormatting sqref="AF5">
    <cfRule type="cellIs" dxfId="2744" priority="2743" stopIfTrue="1" operator="equal">
      <formula>0</formula>
    </cfRule>
    <cfRule type="cellIs" dxfId="2743" priority="2744" operator="lessThanOrEqual">
      <formula>90</formula>
    </cfRule>
    <cfRule type="cellIs" dxfId="2742" priority="2745" operator="greaterThanOrEqual">
      <formula>110</formula>
    </cfRule>
  </conditionalFormatting>
  <conditionalFormatting sqref="AF6">
    <cfRule type="cellIs" dxfId="2741" priority="2740" stopIfTrue="1" operator="equal">
      <formula>0</formula>
    </cfRule>
    <cfRule type="cellIs" dxfId="2740" priority="2741" operator="lessThanOrEqual">
      <formula>90</formula>
    </cfRule>
    <cfRule type="cellIs" dxfId="2739" priority="2742" operator="greaterThanOrEqual">
      <formula>110</formula>
    </cfRule>
  </conditionalFormatting>
  <conditionalFormatting sqref="AF7">
    <cfRule type="cellIs" dxfId="2738" priority="2737" stopIfTrue="1" operator="equal">
      <formula>0</formula>
    </cfRule>
    <cfRule type="cellIs" dxfId="2737" priority="2738" operator="lessThanOrEqual">
      <formula>90</formula>
    </cfRule>
    <cfRule type="cellIs" dxfId="2736" priority="2739" operator="greaterThanOrEqual">
      <formula>110</formula>
    </cfRule>
  </conditionalFormatting>
  <conditionalFormatting sqref="AF8">
    <cfRule type="cellIs" dxfId="2735" priority="2734" stopIfTrue="1" operator="equal">
      <formula>0</formula>
    </cfRule>
    <cfRule type="cellIs" dxfId="2734" priority="2735" operator="lessThanOrEqual">
      <formula>90</formula>
    </cfRule>
    <cfRule type="cellIs" dxfId="2733" priority="2736" operator="greaterThanOrEqual">
      <formula>110</formula>
    </cfRule>
  </conditionalFormatting>
  <conditionalFormatting sqref="AF9">
    <cfRule type="cellIs" dxfId="2732" priority="2731" stopIfTrue="1" operator="equal">
      <formula>0</formula>
    </cfRule>
    <cfRule type="cellIs" dxfId="2731" priority="2732" operator="lessThanOrEqual">
      <formula>90</formula>
    </cfRule>
    <cfRule type="cellIs" dxfId="2730" priority="2733" operator="greaterThanOrEqual">
      <formula>110</formula>
    </cfRule>
  </conditionalFormatting>
  <conditionalFormatting sqref="AF10">
    <cfRule type="cellIs" dxfId="2729" priority="2728" stopIfTrue="1" operator="equal">
      <formula>0</formula>
    </cfRule>
    <cfRule type="cellIs" dxfId="2728" priority="2729" operator="lessThanOrEqual">
      <formula>90</formula>
    </cfRule>
    <cfRule type="cellIs" dxfId="2727" priority="2730" operator="greaterThanOrEqual">
      <formula>110</formula>
    </cfRule>
  </conditionalFormatting>
  <conditionalFormatting sqref="AF11">
    <cfRule type="cellIs" dxfId="2726" priority="2725" stopIfTrue="1" operator="equal">
      <formula>0</formula>
    </cfRule>
    <cfRule type="cellIs" dxfId="2725" priority="2726" operator="lessThanOrEqual">
      <formula>90</formula>
    </cfRule>
    <cfRule type="cellIs" dxfId="2724" priority="2727" operator="greaterThanOrEqual">
      <formula>110</formula>
    </cfRule>
  </conditionalFormatting>
  <conditionalFormatting sqref="AF12">
    <cfRule type="cellIs" dxfId="2723" priority="2722" stopIfTrue="1" operator="equal">
      <formula>0</formula>
    </cfRule>
    <cfRule type="cellIs" dxfId="2722" priority="2723" operator="lessThanOrEqual">
      <formula>90</formula>
    </cfRule>
    <cfRule type="cellIs" dxfId="2721" priority="2724" operator="greaterThanOrEqual">
      <formula>110</formula>
    </cfRule>
  </conditionalFormatting>
  <conditionalFormatting sqref="AF13">
    <cfRule type="cellIs" dxfId="2720" priority="2719" stopIfTrue="1" operator="equal">
      <formula>0</formula>
    </cfRule>
    <cfRule type="cellIs" dxfId="2719" priority="2720" operator="lessThanOrEqual">
      <formula>90</formula>
    </cfRule>
    <cfRule type="cellIs" dxfId="2718" priority="2721" operator="greaterThanOrEqual">
      <formula>110</formula>
    </cfRule>
  </conditionalFormatting>
  <conditionalFormatting sqref="AF14">
    <cfRule type="cellIs" dxfId="2717" priority="2716" stopIfTrue="1" operator="equal">
      <formula>0</formula>
    </cfRule>
    <cfRule type="cellIs" dxfId="2716" priority="2717" operator="lessThanOrEqual">
      <formula>90</formula>
    </cfRule>
    <cfRule type="cellIs" dxfId="2715" priority="2718" operator="greaterThanOrEqual">
      <formula>110</formula>
    </cfRule>
  </conditionalFormatting>
  <conditionalFormatting sqref="AF15">
    <cfRule type="cellIs" dxfId="2714" priority="2713" stopIfTrue="1" operator="equal">
      <formula>0</formula>
    </cfRule>
    <cfRule type="cellIs" dxfId="2713" priority="2714" operator="lessThanOrEqual">
      <formula>90</formula>
    </cfRule>
    <cfRule type="cellIs" dxfId="2712" priority="2715" operator="greaterThanOrEqual">
      <formula>110</formula>
    </cfRule>
  </conditionalFormatting>
  <conditionalFormatting sqref="AF16">
    <cfRule type="cellIs" dxfId="2711" priority="2710" stopIfTrue="1" operator="equal">
      <formula>0</formula>
    </cfRule>
    <cfRule type="cellIs" dxfId="2710" priority="2711" operator="lessThanOrEqual">
      <formula>90</formula>
    </cfRule>
    <cfRule type="cellIs" dxfId="2709" priority="2712" operator="greaterThanOrEqual">
      <formula>110</formula>
    </cfRule>
  </conditionalFormatting>
  <conditionalFormatting sqref="AF17">
    <cfRule type="cellIs" dxfId="2708" priority="2707" stopIfTrue="1" operator="equal">
      <formula>0</formula>
    </cfRule>
    <cfRule type="cellIs" dxfId="2707" priority="2708" operator="lessThanOrEqual">
      <formula>90</formula>
    </cfRule>
    <cfRule type="cellIs" dxfId="2706" priority="2709" operator="greaterThanOrEqual">
      <formula>110</formula>
    </cfRule>
  </conditionalFormatting>
  <conditionalFormatting sqref="AF18">
    <cfRule type="cellIs" dxfId="2705" priority="2704" stopIfTrue="1" operator="equal">
      <formula>0</formula>
    </cfRule>
    <cfRule type="cellIs" dxfId="2704" priority="2705" operator="lessThanOrEqual">
      <formula>90</formula>
    </cfRule>
    <cfRule type="cellIs" dxfId="2703" priority="2706" operator="greaterThanOrEqual">
      <formula>110</formula>
    </cfRule>
  </conditionalFormatting>
  <conditionalFormatting sqref="AF19">
    <cfRule type="cellIs" dxfId="2702" priority="2701" stopIfTrue="1" operator="equal">
      <formula>0</formula>
    </cfRule>
    <cfRule type="cellIs" dxfId="2701" priority="2702" operator="lessThanOrEqual">
      <formula>90</formula>
    </cfRule>
    <cfRule type="cellIs" dxfId="2700" priority="2703" operator="greaterThanOrEqual">
      <formula>110</formula>
    </cfRule>
  </conditionalFormatting>
  <conditionalFormatting sqref="AF20">
    <cfRule type="cellIs" dxfId="2699" priority="2698" stopIfTrue="1" operator="equal">
      <formula>0</formula>
    </cfRule>
    <cfRule type="cellIs" dxfId="2698" priority="2699" operator="lessThanOrEqual">
      <formula>90</formula>
    </cfRule>
    <cfRule type="cellIs" dxfId="2697" priority="2700" operator="greaterThanOrEqual">
      <formula>110</formula>
    </cfRule>
  </conditionalFormatting>
  <conditionalFormatting sqref="AF21">
    <cfRule type="cellIs" dxfId="2696" priority="2695" stopIfTrue="1" operator="equal">
      <formula>0</formula>
    </cfRule>
    <cfRule type="cellIs" dxfId="2695" priority="2696" operator="lessThanOrEqual">
      <formula>90</formula>
    </cfRule>
    <cfRule type="cellIs" dxfId="2694" priority="2697" operator="greaterThanOrEqual">
      <formula>110</formula>
    </cfRule>
  </conditionalFormatting>
  <conditionalFormatting sqref="AF22">
    <cfRule type="cellIs" dxfId="2693" priority="2692" stopIfTrue="1" operator="equal">
      <formula>0</formula>
    </cfRule>
    <cfRule type="cellIs" dxfId="2692" priority="2693" operator="lessThanOrEqual">
      <formula>90</formula>
    </cfRule>
    <cfRule type="cellIs" dxfId="2691" priority="2694" operator="greaterThanOrEqual">
      <formula>110</formula>
    </cfRule>
  </conditionalFormatting>
  <conditionalFormatting sqref="AF23">
    <cfRule type="cellIs" dxfId="2690" priority="2689" stopIfTrue="1" operator="equal">
      <formula>0</formula>
    </cfRule>
    <cfRule type="cellIs" dxfId="2689" priority="2690" operator="lessThanOrEqual">
      <formula>90</formula>
    </cfRule>
    <cfRule type="cellIs" dxfId="2688" priority="2691" operator="greaterThanOrEqual">
      <formula>110</formula>
    </cfRule>
  </conditionalFormatting>
  <conditionalFormatting sqref="AF24">
    <cfRule type="cellIs" dxfId="2687" priority="2686" stopIfTrue="1" operator="equal">
      <formula>0</formula>
    </cfRule>
    <cfRule type="cellIs" dxfId="2686" priority="2687" operator="lessThanOrEqual">
      <formula>90</formula>
    </cfRule>
    <cfRule type="cellIs" dxfId="2685" priority="2688" operator="greaterThanOrEqual">
      <formula>110</formula>
    </cfRule>
  </conditionalFormatting>
  <conditionalFormatting sqref="AF25">
    <cfRule type="cellIs" dxfId="2684" priority="2683" stopIfTrue="1" operator="equal">
      <formula>0</formula>
    </cfRule>
    <cfRule type="cellIs" dxfId="2683" priority="2684" operator="lessThanOrEqual">
      <formula>90</formula>
    </cfRule>
    <cfRule type="cellIs" dxfId="2682" priority="2685" operator="greaterThanOrEqual">
      <formula>110</formula>
    </cfRule>
  </conditionalFormatting>
  <conditionalFormatting sqref="AF26">
    <cfRule type="cellIs" dxfId="2681" priority="2680" stopIfTrue="1" operator="equal">
      <formula>0</formula>
    </cfRule>
    <cfRule type="cellIs" dxfId="2680" priority="2681" operator="lessThanOrEqual">
      <formula>90</formula>
    </cfRule>
    <cfRule type="cellIs" dxfId="2679" priority="2682" operator="greaterThanOrEqual">
      <formula>110</formula>
    </cfRule>
  </conditionalFormatting>
  <conditionalFormatting sqref="AF27">
    <cfRule type="cellIs" dxfId="2678" priority="2677" stopIfTrue="1" operator="equal">
      <formula>0</formula>
    </cfRule>
    <cfRule type="cellIs" dxfId="2677" priority="2678" operator="lessThanOrEqual">
      <formula>90</formula>
    </cfRule>
    <cfRule type="cellIs" dxfId="2676" priority="2679" operator="greaterThanOrEqual">
      <formula>110</formula>
    </cfRule>
  </conditionalFormatting>
  <conditionalFormatting sqref="AF28">
    <cfRule type="cellIs" dxfId="2675" priority="2674" stopIfTrue="1" operator="equal">
      <formula>0</formula>
    </cfRule>
    <cfRule type="cellIs" dxfId="2674" priority="2675" operator="lessThanOrEqual">
      <formula>90</formula>
    </cfRule>
    <cfRule type="cellIs" dxfId="2673" priority="2676" operator="greaterThanOrEqual">
      <formula>110</formula>
    </cfRule>
  </conditionalFormatting>
  <conditionalFormatting sqref="AF29">
    <cfRule type="cellIs" dxfId="2672" priority="2671" stopIfTrue="1" operator="equal">
      <formula>0</formula>
    </cfRule>
    <cfRule type="cellIs" dxfId="2671" priority="2672" operator="lessThanOrEqual">
      <formula>90</formula>
    </cfRule>
    <cfRule type="cellIs" dxfId="2670" priority="2673" operator="greaterThanOrEqual">
      <formula>110</formula>
    </cfRule>
  </conditionalFormatting>
  <conditionalFormatting sqref="AF30">
    <cfRule type="cellIs" dxfId="2669" priority="2668" stopIfTrue="1" operator="equal">
      <formula>0</formula>
    </cfRule>
    <cfRule type="cellIs" dxfId="2668" priority="2669" operator="lessThanOrEqual">
      <formula>90</formula>
    </cfRule>
    <cfRule type="cellIs" dxfId="2667" priority="2670" operator="greaterThanOrEqual">
      <formula>110</formula>
    </cfRule>
  </conditionalFormatting>
  <conditionalFormatting sqref="AF31">
    <cfRule type="cellIs" dxfId="2666" priority="2665" stopIfTrue="1" operator="equal">
      <formula>0</formula>
    </cfRule>
    <cfRule type="cellIs" dxfId="2665" priority="2666" operator="lessThanOrEqual">
      <formula>90</formula>
    </cfRule>
    <cfRule type="cellIs" dxfId="2664" priority="2667" operator="greaterThanOrEqual">
      <formula>110</formula>
    </cfRule>
  </conditionalFormatting>
  <conditionalFormatting sqref="AF32">
    <cfRule type="cellIs" dxfId="2663" priority="2662" stopIfTrue="1" operator="equal">
      <formula>0</formula>
    </cfRule>
    <cfRule type="cellIs" dxfId="2662" priority="2663" operator="lessThanOrEqual">
      <formula>90</formula>
    </cfRule>
    <cfRule type="cellIs" dxfId="2661" priority="2664" operator="greaterThanOrEqual">
      <formula>110</formula>
    </cfRule>
  </conditionalFormatting>
  <conditionalFormatting sqref="AF33">
    <cfRule type="cellIs" dxfId="2660" priority="2659" stopIfTrue="1" operator="equal">
      <formula>0</formula>
    </cfRule>
    <cfRule type="cellIs" dxfId="2659" priority="2660" operator="lessThanOrEqual">
      <formula>90</formula>
    </cfRule>
    <cfRule type="cellIs" dxfId="2658" priority="2661" operator="greaterThanOrEqual">
      <formula>110</formula>
    </cfRule>
  </conditionalFormatting>
  <conditionalFormatting sqref="AF34">
    <cfRule type="cellIs" dxfId="2657" priority="2656" stopIfTrue="1" operator="equal">
      <formula>0</formula>
    </cfRule>
    <cfRule type="cellIs" dxfId="2656" priority="2657" operator="lessThanOrEqual">
      <formula>90</formula>
    </cfRule>
    <cfRule type="cellIs" dxfId="2655" priority="2658" operator="greaterThanOrEqual">
      <formula>110</formula>
    </cfRule>
  </conditionalFormatting>
  <conditionalFormatting sqref="AF35">
    <cfRule type="cellIs" dxfId="2654" priority="2653" stopIfTrue="1" operator="equal">
      <formula>0</formula>
    </cfRule>
    <cfRule type="cellIs" dxfId="2653" priority="2654" operator="lessThanOrEqual">
      <formula>90</formula>
    </cfRule>
    <cfRule type="cellIs" dxfId="2652" priority="2655" operator="greaterThanOrEqual">
      <formula>110</formula>
    </cfRule>
  </conditionalFormatting>
  <conditionalFormatting sqref="AF36">
    <cfRule type="cellIs" dxfId="2651" priority="2650" stopIfTrue="1" operator="equal">
      <formula>0</formula>
    </cfRule>
    <cfRule type="cellIs" dxfId="2650" priority="2651" operator="lessThanOrEqual">
      <formula>90</formula>
    </cfRule>
    <cfRule type="cellIs" dxfId="2649" priority="2652" operator="greaterThanOrEqual">
      <formula>110</formula>
    </cfRule>
  </conditionalFormatting>
  <conditionalFormatting sqref="AF37">
    <cfRule type="cellIs" dxfId="2648" priority="2647" stopIfTrue="1" operator="equal">
      <formula>0</formula>
    </cfRule>
    <cfRule type="cellIs" dxfId="2647" priority="2648" operator="lessThanOrEqual">
      <formula>90</formula>
    </cfRule>
    <cfRule type="cellIs" dxfId="2646" priority="2649" operator="greaterThanOrEqual">
      <formula>110</formula>
    </cfRule>
  </conditionalFormatting>
  <conditionalFormatting sqref="AF38">
    <cfRule type="cellIs" dxfId="2645" priority="2644" stopIfTrue="1" operator="equal">
      <formula>0</formula>
    </cfRule>
    <cfRule type="cellIs" dxfId="2644" priority="2645" operator="lessThanOrEqual">
      <formula>90</formula>
    </cfRule>
    <cfRule type="cellIs" dxfId="2643" priority="2646" operator="greaterThanOrEqual">
      <formula>110</formula>
    </cfRule>
  </conditionalFormatting>
  <conditionalFormatting sqref="AF39">
    <cfRule type="cellIs" dxfId="2642" priority="2641" stopIfTrue="1" operator="equal">
      <formula>0</formula>
    </cfRule>
    <cfRule type="cellIs" dxfId="2641" priority="2642" operator="lessThanOrEqual">
      <formula>90</formula>
    </cfRule>
    <cfRule type="cellIs" dxfId="2640" priority="2643" operator="greaterThanOrEqual">
      <formula>110</formula>
    </cfRule>
  </conditionalFormatting>
  <conditionalFormatting sqref="AF40">
    <cfRule type="cellIs" dxfId="2639" priority="2638" stopIfTrue="1" operator="equal">
      <formula>0</formula>
    </cfRule>
    <cfRule type="cellIs" dxfId="2638" priority="2639" operator="lessThanOrEqual">
      <formula>90</formula>
    </cfRule>
    <cfRule type="cellIs" dxfId="2637" priority="2640" operator="greaterThanOrEqual">
      <formula>110</formula>
    </cfRule>
  </conditionalFormatting>
  <conditionalFormatting sqref="AF41">
    <cfRule type="cellIs" dxfId="2636" priority="2635" stopIfTrue="1" operator="equal">
      <formula>0</formula>
    </cfRule>
    <cfRule type="cellIs" dxfId="2635" priority="2636" operator="lessThanOrEqual">
      <formula>90</formula>
    </cfRule>
    <cfRule type="cellIs" dxfId="2634" priority="2637" operator="greaterThanOrEqual">
      <formula>110</formula>
    </cfRule>
  </conditionalFormatting>
  <conditionalFormatting sqref="AF42">
    <cfRule type="cellIs" dxfId="2633" priority="2632" stopIfTrue="1" operator="equal">
      <formula>0</formula>
    </cfRule>
    <cfRule type="cellIs" dxfId="2632" priority="2633" operator="lessThanOrEqual">
      <formula>90</formula>
    </cfRule>
    <cfRule type="cellIs" dxfId="2631" priority="2634" operator="greaterThanOrEqual">
      <formula>110</formula>
    </cfRule>
  </conditionalFormatting>
  <conditionalFormatting sqref="AF43">
    <cfRule type="cellIs" dxfId="2630" priority="2629" stopIfTrue="1" operator="equal">
      <formula>0</formula>
    </cfRule>
    <cfRule type="cellIs" dxfId="2629" priority="2630" operator="lessThanOrEqual">
      <formula>90</formula>
    </cfRule>
    <cfRule type="cellIs" dxfId="2628" priority="2631" operator="greaterThanOrEqual">
      <formula>110</formula>
    </cfRule>
  </conditionalFormatting>
  <conditionalFormatting sqref="AF44">
    <cfRule type="cellIs" dxfId="2627" priority="2626" stopIfTrue="1" operator="equal">
      <formula>0</formula>
    </cfRule>
    <cfRule type="cellIs" dxfId="2626" priority="2627" operator="lessThanOrEqual">
      <formula>90</formula>
    </cfRule>
    <cfRule type="cellIs" dxfId="2625" priority="2628" operator="greaterThanOrEqual">
      <formula>110</formula>
    </cfRule>
  </conditionalFormatting>
  <conditionalFormatting sqref="AF45">
    <cfRule type="cellIs" dxfId="2624" priority="2623" stopIfTrue="1" operator="equal">
      <formula>0</formula>
    </cfRule>
    <cfRule type="cellIs" dxfId="2623" priority="2624" operator="lessThanOrEqual">
      <formula>90</formula>
    </cfRule>
    <cfRule type="cellIs" dxfId="2622" priority="2625" operator="greaterThanOrEqual">
      <formula>110</formula>
    </cfRule>
  </conditionalFormatting>
  <conditionalFormatting sqref="AF46">
    <cfRule type="cellIs" dxfId="2621" priority="2620" stopIfTrue="1" operator="equal">
      <formula>0</formula>
    </cfRule>
    <cfRule type="cellIs" dxfId="2620" priority="2621" operator="lessThanOrEqual">
      <formula>90</formula>
    </cfRule>
    <cfRule type="cellIs" dxfId="2619" priority="2622" operator="greaterThanOrEqual">
      <formula>110</formula>
    </cfRule>
  </conditionalFormatting>
  <conditionalFormatting sqref="AF47">
    <cfRule type="cellIs" dxfId="2618" priority="2617" stopIfTrue="1" operator="equal">
      <formula>0</formula>
    </cfRule>
    <cfRule type="cellIs" dxfId="2617" priority="2618" operator="lessThanOrEqual">
      <formula>90</formula>
    </cfRule>
    <cfRule type="cellIs" dxfId="2616" priority="2619" operator="greaterThanOrEqual">
      <formula>110</formula>
    </cfRule>
  </conditionalFormatting>
  <conditionalFormatting sqref="AF48">
    <cfRule type="cellIs" dxfId="2615" priority="2614" stopIfTrue="1" operator="equal">
      <formula>0</formula>
    </cfRule>
    <cfRule type="cellIs" dxfId="2614" priority="2615" operator="lessThanOrEqual">
      <formula>90</formula>
    </cfRule>
    <cfRule type="cellIs" dxfId="2613" priority="2616" operator="greaterThanOrEqual">
      <formula>110</formula>
    </cfRule>
  </conditionalFormatting>
  <conditionalFormatting sqref="AF49">
    <cfRule type="cellIs" dxfId="2612" priority="2611" stopIfTrue="1" operator="equal">
      <formula>0</formula>
    </cfRule>
    <cfRule type="cellIs" dxfId="2611" priority="2612" operator="lessThanOrEqual">
      <formula>90</formula>
    </cfRule>
    <cfRule type="cellIs" dxfId="2610" priority="2613" operator="greaterThanOrEqual">
      <formula>110</formula>
    </cfRule>
  </conditionalFormatting>
  <conditionalFormatting sqref="AF50">
    <cfRule type="cellIs" dxfId="2609" priority="2608" stopIfTrue="1" operator="equal">
      <formula>0</formula>
    </cfRule>
    <cfRule type="cellIs" dxfId="2608" priority="2609" operator="lessThanOrEqual">
      <formula>90</formula>
    </cfRule>
    <cfRule type="cellIs" dxfId="2607" priority="2610" operator="greaterThanOrEqual">
      <formula>110</formula>
    </cfRule>
  </conditionalFormatting>
  <conditionalFormatting sqref="AF51">
    <cfRule type="cellIs" dxfId="2606" priority="2605" stopIfTrue="1" operator="equal">
      <formula>0</formula>
    </cfRule>
    <cfRule type="cellIs" dxfId="2605" priority="2606" operator="lessThanOrEqual">
      <formula>90</formula>
    </cfRule>
    <cfRule type="cellIs" dxfId="2604" priority="2607" operator="greaterThanOrEqual">
      <formula>110</formula>
    </cfRule>
  </conditionalFormatting>
  <conditionalFormatting sqref="AF52">
    <cfRule type="cellIs" dxfId="2603" priority="2602" stopIfTrue="1" operator="equal">
      <formula>0</formula>
    </cfRule>
    <cfRule type="cellIs" dxfId="2602" priority="2603" operator="lessThanOrEqual">
      <formula>90</formula>
    </cfRule>
    <cfRule type="cellIs" dxfId="2601" priority="2604" operator="greaterThanOrEqual">
      <formula>110</formula>
    </cfRule>
  </conditionalFormatting>
  <conditionalFormatting sqref="AF53">
    <cfRule type="cellIs" dxfId="2600" priority="2599" stopIfTrue="1" operator="equal">
      <formula>0</formula>
    </cfRule>
    <cfRule type="cellIs" dxfId="2599" priority="2600" operator="lessThanOrEqual">
      <formula>90</formula>
    </cfRule>
    <cfRule type="cellIs" dxfId="2598" priority="2601" operator="greaterThanOrEqual">
      <formula>110</formula>
    </cfRule>
  </conditionalFormatting>
  <conditionalFormatting sqref="AF54">
    <cfRule type="cellIs" dxfId="2597" priority="2596" stopIfTrue="1" operator="equal">
      <formula>0</formula>
    </cfRule>
    <cfRule type="cellIs" dxfId="2596" priority="2597" operator="lessThanOrEqual">
      <formula>90</formula>
    </cfRule>
    <cfRule type="cellIs" dxfId="2595" priority="2598" operator="greaterThanOrEqual">
      <formula>110</formula>
    </cfRule>
  </conditionalFormatting>
  <conditionalFormatting sqref="AF55">
    <cfRule type="cellIs" dxfId="2594" priority="2593" stopIfTrue="1" operator="equal">
      <formula>0</formula>
    </cfRule>
    <cfRule type="cellIs" dxfId="2593" priority="2594" operator="lessThanOrEqual">
      <formula>90</formula>
    </cfRule>
    <cfRule type="cellIs" dxfId="2592" priority="2595" operator="greaterThanOrEqual">
      <formula>110</formula>
    </cfRule>
  </conditionalFormatting>
  <conditionalFormatting sqref="AF56">
    <cfRule type="cellIs" dxfId="2591" priority="2590" stopIfTrue="1" operator="equal">
      <formula>0</formula>
    </cfRule>
    <cfRule type="cellIs" dxfId="2590" priority="2591" operator="lessThanOrEqual">
      <formula>90</formula>
    </cfRule>
    <cfRule type="cellIs" dxfId="2589" priority="2592" operator="greaterThanOrEqual">
      <formula>110</formula>
    </cfRule>
  </conditionalFormatting>
  <conditionalFormatting sqref="AF57">
    <cfRule type="cellIs" dxfId="2588" priority="2587" stopIfTrue="1" operator="equal">
      <formula>0</formula>
    </cfRule>
    <cfRule type="cellIs" dxfId="2587" priority="2588" operator="lessThanOrEqual">
      <formula>90</formula>
    </cfRule>
    <cfRule type="cellIs" dxfId="2586" priority="2589" operator="greaterThanOrEqual">
      <formula>110</formula>
    </cfRule>
  </conditionalFormatting>
  <conditionalFormatting sqref="AF58">
    <cfRule type="cellIs" dxfId="2585" priority="2584" stopIfTrue="1" operator="equal">
      <formula>0</formula>
    </cfRule>
    <cfRule type="cellIs" dxfId="2584" priority="2585" operator="lessThanOrEqual">
      <formula>90</formula>
    </cfRule>
    <cfRule type="cellIs" dxfId="2583" priority="2586" operator="greaterThanOrEqual">
      <formula>110</formula>
    </cfRule>
  </conditionalFormatting>
  <conditionalFormatting sqref="AF59">
    <cfRule type="cellIs" dxfId="2582" priority="2581" stopIfTrue="1" operator="equal">
      <formula>0</formula>
    </cfRule>
    <cfRule type="cellIs" dxfId="2581" priority="2582" operator="lessThanOrEqual">
      <formula>90</formula>
    </cfRule>
    <cfRule type="cellIs" dxfId="2580" priority="2583" operator="greaterThanOrEqual">
      <formula>110</formula>
    </cfRule>
  </conditionalFormatting>
  <conditionalFormatting sqref="AF60">
    <cfRule type="cellIs" dxfId="2579" priority="2578" stopIfTrue="1" operator="equal">
      <formula>0</formula>
    </cfRule>
    <cfRule type="cellIs" dxfId="2578" priority="2579" operator="lessThanOrEqual">
      <formula>90</formula>
    </cfRule>
    <cfRule type="cellIs" dxfId="2577" priority="2580" operator="greaterThanOrEqual">
      <formula>110</formula>
    </cfRule>
  </conditionalFormatting>
  <conditionalFormatting sqref="AF61">
    <cfRule type="cellIs" dxfId="2576" priority="2575" stopIfTrue="1" operator="equal">
      <formula>0</formula>
    </cfRule>
    <cfRule type="cellIs" dxfId="2575" priority="2576" operator="lessThanOrEqual">
      <formula>90</formula>
    </cfRule>
    <cfRule type="cellIs" dxfId="2574" priority="2577" operator="greaterThanOrEqual">
      <formula>110</formula>
    </cfRule>
  </conditionalFormatting>
  <conditionalFormatting sqref="AF62">
    <cfRule type="cellIs" dxfId="2573" priority="2572" stopIfTrue="1" operator="equal">
      <formula>0</formula>
    </cfRule>
    <cfRule type="cellIs" dxfId="2572" priority="2573" operator="lessThanOrEqual">
      <formula>90</formula>
    </cfRule>
    <cfRule type="cellIs" dxfId="2571" priority="2574" operator="greaterThanOrEqual">
      <formula>110</formula>
    </cfRule>
  </conditionalFormatting>
  <conditionalFormatting sqref="AF63">
    <cfRule type="cellIs" dxfId="2570" priority="2569" stopIfTrue="1" operator="equal">
      <formula>0</formula>
    </cfRule>
    <cfRule type="cellIs" dxfId="2569" priority="2570" operator="lessThanOrEqual">
      <formula>90</formula>
    </cfRule>
    <cfRule type="cellIs" dxfId="2568" priority="2571" operator="greaterThanOrEqual">
      <formula>110</formula>
    </cfRule>
  </conditionalFormatting>
  <conditionalFormatting sqref="AF64">
    <cfRule type="cellIs" dxfId="2567" priority="2566" stopIfTrue="1" operator="equal">
      <formula>0</formula>
    </cfRule>
    <cfRule type="cellIs" dxfId="2566" priority="2567" operator="lessThanOrEqual">
      <formula>90</formula>
    </cfRule>
    <cfRule type="cellIs" dxfId="2565" priority="2568" operator="greaterThanOrEqual">
      <formula>110</formula>
    </cfRule>
  </conditionalFormatting>
  <conditionalFormatting sqref="AF65">
    <cfRule type="cellIs" dxfId="2564" priority="2563" stopIfTrue="1" operator="equal">
      <formula>0</formula>
    </cfRule>
    <cfRule type="cellIs" dxfId="2563" priority="2564" operator="lessThanOrEqual">
      <formula>90</formula>
    </cfRule>
    <cfRule type="cellIs" dxfId="2562" priority="2565" operator="greaterThanOrEqual">
      <formula>110</formula>
    </cfRule>
  </conditionalFormatting>
  <conditionalFormatting sqref="R5">
    <cfRule type="cellIs" dxfId="2561" priority="2560" stopIfTrue="1" operator="equal">
      <formula>0</formula>
    </cfRule>
    <cfRule type="cellIs" dxfId="2560" priority="2561" operator="lessThanOrEqual">
      <formula>90</formula>
    </cfRule>
    <cfRule type="cellIs" dxfId="2559" priority="2562" operator="greaterThanOrEqual">
      <formula>110</formula>
    </cfRule>
  </conditionalFormatting>
  <conditionalFormatting sqref="R6">
    <cfRule type="cellIs" dxfId="2558" priority="2557" stopIfTrue="1" operator="equal">
      <formula>0</formula>
    </cfRule>
    <cfRule type="cellIs" dxfId="2557" priority="2558" operator="lessThanOrEqual">
      <formula>90</formula>
    </cfRule>
    <cfRule type="cellIs" dxfId="2556" priority="2559" operator="greaterThanOrEqual">
      <formula>110</formula>
    </cfRule>
  </conditionalFormatting>
  <conditionalFormatting sqref="R7">
    <cfRule type="cellIs" dxfId="2555" priority="2554" stopIfTrue="1" operator="equal">
      <formula>0</formula>
    </cfRule>
    <cfRule type="cellIs" dxfId="2554" priority="2555" operator="lessThanOrEqual">
      <formula>90</formula>
    </cfRule>
    <cfRule type="cellIs" dxfId="2553" priority="2556" operator="greaterThanOrEqual">
      <formula>110</formula>
    </cfRule>
  </conditionalFormatting>
  <conditionalFormatting sqref="R8">
    <cfRule type="cellIs" dxfId="2552" priority="2551" stopIfTrue="1" operator="equal">
      <formula>0</formula>
    </cfRule>
    <cfRule type="cellIs" dxfId="2551" priority="2552" operator="lessThanOrEqual">
      <formula>90</formula>
    </cfRule>
    <cfRule type="cellIs" dxfId="2550" priority="2553" operator="greaterThanOrEqual">
      <formula>110</formula>
    </cfRule>
  </conditionalFormatting>
  <conditionalFormatting sqref="R9">
    <cfRule type="cellIs" dxfId="2549" priority="2548" stopIfTrue="1" operator="equal">
      <formula>0</formula>
    </cfRule>
    <cfRule type="cellIs" dxfId="2548" priority="2549" operator="lessThanOrEqual">
      <formula>90</formula>
    </cfRule>
    <cfRule type="cellIs" dxfId="2547" priority="2550" operator="greaterThanOrEqual">
      <formula>110</formula>
    </cfRule>
  </conditionalFormatting>
  <conditionalFormatting sqref="R10">
    <cfRule type="cellIs" dxfId="2546" priority="2545" stopIfTrue="1" operator="equal">
      <formula>0</formula>
    </cfRule>
    <cfRule type="cellIs" dxfId="2545" priority="2546" operator="lessThanOrEqual">
      <formula>90</formula>
    </cfRule>
    <cfRule type="cellIs" dxfId="2544" priority="2547" operator="greaterThanOrEqual">
      <formula>110</formula>
    </cfRule>
  </conditionalFormatting>
  <conditionalFormatting sqref="R11">
    <cfRule type="cellIs" dxfId="2543" priority="2542" stopIfTrue="1" operator="equal">
      <formula>0</formula>
    </cfRule>
    <cfRule type="cellIs" dxfId="2542" priority="2543" operator="lessThanOrEqual">
      <formula>90</formula>
    </cfRule>
    <cfRule type="cellIs" dxfId="2541" priority="2544" operator="greaterThanOrEqual">
      <formula>110</formula>
    </cfRule>
  </conditionalFormatting>
  <conditionalFormatting sqref="R12">
    <cfRule type="cellIs" dxfId="2540" priority="2539" stopIfTrue="1" operator="equal">
      <formula>0</formula>
    </cfRule>
    <cfRule type="cellIs" dxfId="2539" priority="2540" operator="lessThanOrEqual">
      <formula>90</formula>
    </cfRule>
    <cfRule type="cellIs" dxfId="2538" priority="2541" operator="greaterThanOrEqual">
      <formula>110</formula>
    </cfRule>
  </conditionalFormatting>
  <conditionalFormatting sqref="R13">
    <cfRule type="cellIs" dxfId="2537" priority="2536" stopIfTrue="1" operator="equal">
      <formula>0</formula>
    </cfRule>
    <cfRule type="cellIs" dxfId="2536" priority="2537" operator="lessThanOrEqual">
      <formula>90</formula>
    </cfRule>
    <cfRule type="cellIs" dxfId="2535" priority="2538" operator="greaterThanOrEqual">
      <formula>110</formula>
    </cfRule>
  </conditionalFormatting>
  <conditionalFormatting sqref="R14">
    <cfRule type="cellIs" dxfId="2534" priority="2533" stopIfTrue="1" operator="equal">
      <formula>0</formula>
    </cfRule>
    <cfRule type="cellIs" dxfId="2533" priority="2534" operator="lessThanOrEqual">
      <formula>90</formula>
    </cfRule>
    <cfRule type="cellIs" dxfId="2532" priority="2535" operator="greaterThanOrEqual">
      <formula>110</formula>
    </cfRule>
  </conditionalFormatting>
  <conditionalFormatting sqref="R15">
    <cfRule type="cellIs" dxfId="2531" priority="2530" stopIfTrue="1" operator="equal">
      <formula>0</formula>
    </cfRule>
    <cfRule type="cellIs" dxfId="2530" priority="2531" operator="lessThanOrEqual">
      <formula>90</formula>
    </cfRule>
    <cfRule type="cellIs" dxfId="2529" priority="2532" operator="greaterThanOrEqual">
      <formula>110</formula>
    </cfRule>
  </conditionalFormatting>
  <conditionalFormatting sqref="R16">
    <cfRule type="cellIs" dxfId="2528" priority="2527" stopIfTrue="1" operator="equal">
      <formula>0</formula>
    </cfRule>
    <cfRule type="cellIs" dxfId="2527" priority="2528" operator="lessThanOrEqual">
      <formula>90</formula>
    </cfRule>
    <cfRule type="cellIs" dxfId="2526" priority="2529" operator="greaterThanOrEqual">
      <formula>110</formula>
    </cfRule>
  </conditionalFormatting>
  <conditionalFormatting sqref="R17">
    <cfRule type="cellIs" dxfId="2525" priority="2524" stopIfTrue="1" operator="equal">
      <formula>0</formula>
    </cfRule>
    <cfRule type="cellIs" dxfId="2524" priority="2525" operator="lessThanOrEqual">
      <formula>90</formula>
    </cfRule>
    <cfRule type="cellIs" dxfId="2523" priority="2526" operator="greaterThanOrEqual">
      <formula>110</formula>
    </cfRule>
  </conditionalFormatting>
  <conditionalFormatting sqref="R18">
    <cfRule type="cellIs" dxfId="2522" priority="2521" stopIfTrue="1" operator="equal">
      <formula>0</formula>
    </cfRule>
    <cfRule type="cellIs" dxfId="2521" priority="2522" operator="lessThanOrEqual">
      <formula>90</formula>
    </cfRule>
    <cfRule type="cellIs" dxfId="2520" priority="2523" operator="greaterThanOrEqual">
      <formula>110</formula>
    </cfRule>
  </conditionalFormatting>
  <conditionalFormatting sqref="R19">
    <cfRule type="cellIs" dxfId="2519" priority="2518" stopIfTrue="1" operator="equal">
      <formula>0</formula>
    </cfRule>
    <cfRule type="cellIs" dxfId="2518" priority="2519" operator="lessThanOrEqual">
      <formula>90</formula>
    </cfRule>
    <cfRule type="cellIs" dxfId="2517" priority="2520" operator="greaterThanOrEqual">
      <formula>110</formula>
    </cfRule>
  </conditionalFormatting>
  <conditionalFormatting sqref="R20">
    <cfRule type="cellIs" dxfId="2516" priority="2515" stopIfTrue="1" operator="equal">
      <formula>0</formula>
    </cfRule>
    <cfRule type="cellIs" dxfId="2515" priority="2516" operator="lessThanOrEqual">
      <formula>90</formula>
    </cfRule>
    <cfRule type="cellIs" dxfId="2514" priority="2517" operator="greaterThanOrEqual">
      <formula>110</formula>
    </cfRule>
  </conditionalFormatting>
  <conditionalFormatting sqref="R21">
    <cfRule type="cellIs" dxfId="2513" priority="2512" stopIfTrue="1" operator="equal">
      <formula>0</formula>
    </cfRule>
    <cfRule type="cellIs" dxfId="2512" priority="2513" operator="lessThanOrEqual">
      <formula>90</formula>
    </cfRule>
    <cfRule type="cellIs" dxfId="2511" priority="2514" operator="greaterThanOrEqual">
      <formula>110</formula>
    </cfRule>
  </conditionalFormatting>
  <conditionalFormatting sqref="R22">
    <cfRule type="cellIs" dxfId="2510" priority="2509" stopIfTrue="1" operator="equal">
      <formula>0</formula>
    </cfRule>
    <cfRule type="cellIs" dxfId="2509" priority="2510" operator="lessThanOrEqual">
      <formula>90</formula>
    </cfRule>
    <cfRule type="cellIs" dxfId="2508" priority="2511" operator="greaterThanOrEqual">
      <formula>110</formula>
    </cfRule>
  </conditionalFormatting>
  <conditionalFormatting sqref="R23">
    <cfRule type="cellIs" dxfId="2507" priority="2506" stopIfTrue="1" operator="equal">
      <formula>0</formula>
    </cfRule>
    <cfRule type="cellIs" dxfId="2506" priority="2507" operator="lessThanOrEqual">
      <formula>90</formula>
    </cfRule>
    <cfRule type="cellIs" dxfId="2505" priority="2508" operator="greaterThanOrEqual">
      <formula>110</formula>
    </cfRule>
  </conditionalFormatting>
  <conditionalFormatting sqref="R24">
    <cfRule type="cellIs" dxfId="2504" priority="2503" stopIfTrue="1" operator="equal">
      <formula>0</formula>
    </cfRule>
    <cfRule type="cellIs" dxfId="2503" priority="2504" operator="lessThanOrEqual">
      <formula>90</formula>
    </cfRule>
    <cfRule type="cellIs" dxfId="2502" priority="2505" operator="greaterThanOrEqual">
      <formula>110</formula>
    </cfRule>
  </conditionalFormatting>
  <conditionalFormatting sqref="R25">
    <cfRule type="cellIs" dxfId="2501" priority="2500" stopIfTrue="1" operator="equal">
      <formula>0</formula>
    </cfRule>
    <cfRule type="cellIs" dxfId="2500" priority="2501" operator="lessThanOrEqual">
      <formula>90</formula>
    </cfRule>
    <cfRule type="cellIs" dxfId="2499" priority="2502" operator="greaterThanOrEqual">
      <formula>110</formula>
    </cfRule>
  </conditionalFormatting>
  <conditionalFormatting sqref="R26">
    <cfRule type="cellIs" dxfId="2498" priority="2497" stopIfTrue="1" operator="equal">
      <formula>0</formula>
    </cfRule>
    <cfRule type="cellIs" dxfId="2497" priority="2498" operator="lessThanOrEqual">
      <formula>90</formula>
    </cfRule>
    <cfRule type="cellIs" dxfId="2496" priority="2499" operator="greaterThanOrEqual">
      <formula>110</formula>
    </cfRule>
  </conditionalFormatting>
  <conditionalFormatting sqref="R27">
    <cfRule type="cellIs" dxfId="2495" priority="2494" stopIfTrue="1" operator="equal">
      <formula>0</formula>
    </cfRule>
    <cfRule type="cellIs" dxfId="2494" priority="2495" operator="lessThanOrEqual">
      <formula>90</formula>
    </cfRule>
    <cfRule type="cellIs" dxfId="2493" priority="2496" operator="greaterThanOrEqual">
      <formula>110</formula>
    </cfRule>
  </conditionalFormatting>
  <conditionalFormatting sqref="R28">
    <cfRule type="cellIs" dxfId="2492" priority="2491" stopIfTrue="1" operator="equal">
      <formula>0</formula>
    </cfRule>
    <cfRule type="cellIs" dxfId="2491" priority="2492" operator="lessThanOrEqual">
      <formula>90</formula>
    </cfRule>
    <cfRule type="cellIs" dxfId="2490" priority="2493" operator="greaterThanOrEqual">
      <formula>110</formula>
    </cfRule>
  </conditionalFormatting>
  <conditionalFormatting sqref="R29">
    <cfRule type="cellIs" dxfId="2489" priority="2488" stopIfTrue="1" operator="equal">
      <formula>0</formula>
    </cfRule>
    <cfRule type="cellIs" dxfId="2488" priority="2489" operator="lessThanOrEqual">
      <formula>90</formula>
    </cfRule>
    <cfRule type="cellIs" dxfId="2487" priority="2490" operator="greaterThanOrEqual">
      <formula>110</formula>
    </cfRule>
  </conditionalFormatting>
  <conditionalFormatting sqref="R30">
    <cfRule type="cellIs" dxfId="2486" priority="2485" stopIfTrue="1" operator="equal">
      <formula>0</formula>
    </cfRule>
    <cfRule type="cellIs" dxfId="2485" priority="2486" operator="lessThanOrEqual">
      <formula>90</formula>
    </cfRule>
    <cfRule type="cellIs" dxfId="2484" priority="2487" operator="greaterThanOrEqual">
      <formula>110</formula>
    </cfRule>
  </conditionalFormatting>
  <conditionalFormatting sqref="R31">
    <cfRule type="cellIs" dxfId="2483" priority="2482" stopIfTrue="1" operator="equal">
      <formula>0</formula>
    </cfRule>
    <cfRule type="cellIs" dxfId="2482" priority="2483" operator="lessThanOrEqual">
      <formula>90</formula>
    </cfRule>
    <cfRule type="cellIs" dxfId="2481" priority="2484" operator="greaterThanOrEqual">
      <formula>110</formula>
    </cfRule>
  </conditionalFormatting>
  <conditionalFormatting sqref="R32">
    <cfRule type="cellIs" dxfId="2480" priority="2479" stopIfTrue="1" operator="equal">
      <formula>0</formula>
    </cfRule>
    <cfRule type="cellIs" dxfId="2479" priority="2480" operator="lessThanOrEqual">
      <formula>90</formula>
    </cfRule>
    <cfRule type="cellIs" dxfId="2478" priority="2481" operator="greaterThanOrEqual">
      <formula>110</formula>
    </cfRule>
  </conditionalFormatting>
  <conditionalFormatting sqref="R33">
    <cfRule type="cellIs" dxfId="2477" priority="2476" stopIfTrue="1" operator="equal">
      <formula>0</formula>
    </cfRule>
    <cfRule type="cellIs" dxfId="2476" priority="2477" operator="lessThanOrEqual">
      <formula>90</formula>
    </cfRule>
    <cfRule type="cellIs" dxfId="2475" priority="2478" operator="greaterThanOrEqual">
      <formula>110</formula>
    </cfRule>
  </conditionalFormatting>
  <conditionalFormatting sqref="R34">
    <cfRule type="cellIs" dxfId="2474" priority="2473" stopIfTrue="1" operator="equal">
      <formula>0</formula>
    </cfRule>
    <cfRule type="cellIs" dxfId="2473" priority="2474" operator="lessThanOrEqual">
      <formula>90</formula>
    </cfRule>
    <cfRule type="cellIs" dxfId="2472" priority="2475" operator="greaterThanOrEqual">
      <formula>110</formula>
    </cfRule>
  </conditionalFormatting>
  <conditionalFormatting sqref="R35">
    <cfRule type="cellIs" dxfId="2471" priority="2470" stopIfTrue="1" operator="equal">
      <formula>0</formula>
    </cfRule>
    <cfRule type="cellIs" dxfId="2470" priority="2471" operator="lessThanOrEqual">
      <formula>90</formula>
    </cfRule>
    <cfRule type="cellIs" dxfId="2469" priority="2472" operator="greaterThanOrEqual">
      <formula>110</formula>
    </cfRule>
  </conditionalFormatting>
  <conditionalFormatting sqref="R36">
    <cfRule type="cellIs" dxfId="2468" priority="2467" stopIfTrue="1" operator="equal">
      <formula>0</formula>
    </cfRule>
    <cfRule type="cellIs" dxfId="2467" priority="2468" operator="lessThanOrEqual">
      <formula>90</formula>
    </cfRule>
    <cfRule type="cellIs" dxfId="2466" priority="2469" operator="greaterThanOrEqual">
      <formula>110</formula>
    </cfRule>
  </conditionalFormatting>
  <conditionalFormatting sqref="R37">
    <cfRule type="cellIs" dxfId="2465" priority="2464" stopIfTrue="1" operator="equal">
      <formula>0</formula>
    </cfRule>
    <cfRule type="cellIs" dxfId="2464" priority="2465" operator="lessThanOrEqual">
      <formula>90</formula>
    </cfRule>
    <cfRule type="cellIs" dxfId="2463" priority="2466" operator="greaterThanOrEqual">
      <formula>110</formula>
    </cfRule>
  </conditionalFormatting>
  <conditionalFormatting sqref="R38">
    <cfRule type="cellIs" dxfId="2462" priority="2461" stopIfTrue="1" operator="equal">
      <formula>0</formula>
    </cfRule>
    <cfRule type="cellIs" dxfId="2461" priority="2462" operator="lessThanOrEqual">
      <formula>90</formula>
    </cfRule>
    <cfRule type="cellIs" dxfId="2460" priority="2463" operator="greaterThanOrEqual">
      <formula>110</formula>
    </cfRule>
  </conditionalFormatting>
  <conditionalFormatting sqref="R39">
    <cfRule type="cellIs" dxfId="2459" priority="2458" stopIfTrue="1" operator="equal">
      <formula>0</formula>
    </cfRule>
    <cfRule type="cellIs" dxfId="2458" priority="2459" operator="lessThanOrEqual">
      <formula>90</formula>
    </cfRule>
    <cfRule type="cellIs" dxfId="2457" priority="2460" operator="greaterThanOrEqual">
      <formula>110</formula>
    </cfRule>
  </conditionalFormatting>
  <conditionalFormatting sqref="R40">
    <cfRule type="cellIs" dxfId="2456" priority="2455" stopIfTrue="1" operator="equal">
      <formula>0</formula>
    </cfRule>
    <cfRule type="cellIs" dxfId="2455" priority="2456" operator="lessThanOrEqual">
      <formula>90</formula>
    </cfRule>
    <cfRule type="cellIs" dxfId="2454" priority="2457" operator="greaterThanOrEqual">
      <formula>110</formula>
    </cfRule>
  </conditionalFormatting>
  <conditionalFormatting sqref="R41">
    <cfRule type="cellIs" dxfId="2453" priority="2452" stopIfTrue="1" operator="equal">
      <formula>0</formula>
    </cfRule>
    <cfRule type="cellIs" dxfId="2452" priority="2453" operator="lessThanOrEqual">
      <formula>90</formula>
    </cfRule>
    <cfRule type="cellIs" dxfId="2451" priority="2454" operator="greaterThanOrEqual">
      <formula>110</formula>
    </cfRule>
  </conditionalFormatting>
  <conditionalFormatting sqref="R42">
    <cfRule type="cellIs" dxfId="2450" priority="2449" stopIfTrue="1" operator="equal">
      <formula>0</formula>
    </cfRule>
    <cfRule type="cellIs" dxfId="2449" priority="2450" operator="lessThanOrEqual">
      <formula>90</formula>
    </cfRule>
    <cfRule type="cellIs" dxfId="2448" priority="2451" operator="greaterThanOrEqual">
      <formula>110</formula>
    </cfRule>
  </conditionalFormatting>
  <conditionalFormatting sqref="R43">
    <cfRule type="cellIs" dxfId="2447" priority="2446" stopIfTrue="1" operator="equal">
      <formula>0</formula>
    </cfRule>
    <cfRule type="cellIs" dxfId="2446" priority="2447" operator="lessThanOrEqual">
      <formula>90</formula>
    </cfRule>
    <cfRule type="cellIs" dxfId="2445" priority="2448" operator="greaterThanOrEqual">
      <formula>110</formula>
    </cfRule>
  </conditionalFormatting>
  <conditionalFormatting sqref="R44">
    <cfRule type="cellIs" dxfId="2444" priority="2443" stopIfTrue="1" operator="equal">
      <formula>0</formula>
    </cfRule>
    <cfRule type="cellIs" dxfId="2443" priority="2444" operator="lessThanOrEqual">
      <formula>90</formula>
    </cfRule>
    <cfRule type="cellIs" dxfId="2442" priority="2445" operator="greaterThanOrEqual">
      <formula>110</formula>
    </cfRule>
  </conditionalFormatting>
  <conditionalFormatting sqref="R45">
    <cfRule type="cellIs" dxfId="2441" priority="2440" stopIfTrue="1" operator="equal">
      <formula>0</formula>
    </cfRule>
    <cfRule type="cellIs" dxfId="2440" priority="2441" operator="lessThanOrEqual">
      <formula>90</formula>
    </cfRule>
    <cfRule type="cellIs" dxfId="2439" priority="2442" operator="greaterThanOrEqual">
      <formula>110</formula>
    </cfRule>
  </conditionalFormatting>
  <conditionalFormatting sqref="R46">
    <cfRule type="cellIs" dxfId="2438" priority="2437" stopIfTrue="1" operator="equal">
      <formula>0</formula>
    </cfRule>
    <cfRule type="cellIs" dxfId="2437" priority="2438" operator="lessThanOrEqual">
      <formula>90</formula>
    </cfRule>
    <cfRule type="cellIs" dxfId="2436" priority="2439" operator="greaterThanOrEqual">
      <formula>110</formula>
    </cfRule>
  </conditionalFormatting>
  <conditionalFormatting sqref="R47">
    <cfRule type="cellIs" dxfId="2435" priority="2434" stopIfTrue="1" operator="equal">
      <formula>0</formula>
    </cfRule>
    <cfRule type="cellIs" dxfId="2434" priority="2435" operator="lessThanOrEqual">
      <formula>90</formula>
    </cfRule>
    <cfRule type="cellIs" dxfId="2433" priority="2436" operator="greaterThanOrEqual">
      <formula>110</formula>
    </cfRule>
  </conditionalFormatting>
  <conditionalFormatting sqref="R48">
    <cfRule type="cellIs" dxfId="2432" priority="2431" stopIfTrue="1" operator="equal">
      <formula>0</formula>
    </cfRule>
    <cfRule type="cellIs" dxfId="2431" priority="2432" operator="lessThanOrEqual">
      <formula>90</formula>
    </cfRule>
    <cfRule type="cellIs" dxfId="2430" priority="2433" operator="greaterThanOrEqual">
      <formula>110</formula>
    </cfRule>
  </conditionalFormatting>
  <conditionalFormatting sqref="R49">
    <cfRule type="cellIs" dxfId="2429" priority="2428" stopIfTrue="1" operator="equal">
      <formula>0</formula>
    </cfRule>
    <cfRule type="cellIs" dxfId="2428" priority="2429" operator="lessThanOrEqual">
      <formula>90</formula>
    </cfRule>
    <cfRule type="cellIs" dxfId="2427" priority="2430" operator="greaterThanOrEqual">
      <formula>110</formula>
    </cfRule>
  </conditionalFormatting>
  <conditionalFormatting sqref="R50">
    <cfRule type="cellIs" dxfId="2426" priority="2425" stopIfTrue="1" operator="equal">
      <formula>0</formula>
    </cfRule>
    <cfRule type="cellIs" dxfId="2425" priority="2426" operator="lessThanOrEqual">
      <formula>90</formula>
    </cfRule>
    <cfRule type="cellIs" dxfId="2424" priority="2427" operator="greaterThanOrEqual">
      <formula>110</formula>
    </cfRule>
  </conditionalFormatting>
  <conditionalFormatting sqref="R51">
    <cfRule type="cellIs" dxfId="2423" priority="2422" stopIfTrue="1" operator="equal">
      <formula>0</formula>
    </cfRule>
    <cfRule type="cellIs" dxfId="2422" priority="2423" operator="lessThanOrEqual">
      <formula>90</formula>
    </cfRule>
    <cfRule type="cellIs" dxfId="2421" priority="2424" operator="greaterThanOrEqual">
      <formula>110</formula>
    </cfRule>
  </conditionalFormatting>
  <conditionalFormatting sqref="R52">
    <cfRule type="cellIs" dxfId="2420" priority="2419" stopIfTrue="1" operator="equal">
      <formula>0</formula>
    </cfRule>
    <cfRule type="cellIs" dxfId="2419" priority="2420" operator="lessThanOrEqual">
      <formula>90</formula>
    </cfRule>
    <cfRule type="cellIs" dxfId="2418" priority="2421" operator="greaterThanOrEqual">
      <formula>110</formula>
    </cfRule>
  </conditionalFormatting>
  <conditionalFormatting sqref="R53">
    <cfRule type="cellIs" dxfId="2417" priority="2416" stopIfTrue="1" operator="equal">
      <formula>0</formula>
    </cfRule>
    <cfRule type="cellIs" dxfId="2416" priority="2417" operator="lessThanOrEqual">
      <formula>90</formula>
    </cfRule>
    <cfRule type="cellIs" dxfId="2415" priority="2418" operator="greaterThanOrEqual">
      <formula>110</formula>
    </cfRule>
  </conditionalFormatting>
  <conditionalFormatting sqref="R54">
    <cfRule type="cellIs" dxfId="2414" priority="2413" stopIfTrue="1" operator="equal">
      <formula>0</formula>
    </cfRule>
    <cfRule type="cellIs" dxfId="2413" priority="2414" operator="lessThanOrEqual">
      <formula>90</formula>
    </cfRule>
    <cfRule type="cellIs" dxfId="2412" priority="2415" operator="greaterThanOrEqual">
      <formula>110</formula>
    </cfRule>
  </conditionalFormatting>
  <conditionalFormatting sqref="R55">
    <cfRule type="cellIs" dxfId="2411" priority="2410" stopIfTrue="1" operator="equal">
      <formula>0</formula>
    </cfRule>
    <cfRule type="cellIs" dxfId="2410" priority="2411" operator="lessThanOrEqual">
      <formula>90</formula>
    </cfRule>
    <cfRule type="cellIs" dxfId="2409" priority="2412" operator="greaterThanOrEqual">
      <formula>110</formula>
    </cfRule>
  </conditionalFormatting>
  <conditionalFormatting sqref="R56">
    <cfRule type="cellIs" dxfId="2408" priority="2407" stopIfTrue="1" operator="equal">
      <formula>0</formula>
    </cfRule>
    <cfRule type="cellIs" dxfId="2407" priority="2408" operator="lessThanOrEqual">
      <formula>90</formula>
    </cfRule>
    <cfRule type="cellIs" dxfId="2406" priority="2409" operator="greaterThanOrEqual">
      <formula>110</formula>
    </cfRule>
  </conditionalFormatting>
  <conditionalFormatting sqref="R57">
    <cfRule type="cellIs" dxfId="2405" priority="2404" stopIfTrue="1" operator="equal">
      <formula>0</formula>
    </cfRule>
    <cfRule type="cellIs" dxfId="2404" priority="2405" operator="lessThanOrEqual">
      <formula>90</formula>
    </cfRule>
    <cfRule type="cellIs" dxfId="2403" priority="2406" operator="greaterThanOrEqual">
      <formula>110</formula>
    </cfRule>
  </conditionalFormatting>
  <conditionalFormatting sqref="R58">
    <cfRule type="cellIs" dxfId="2402" priority="2401" stopIfTrue="1" operator="equal">
      <formula>0</formula>
    </cfRule>
    <cfRule type="cellIs" dxfId="2401" priority="2402" operator="lessThanOrEqual">
      <formula>90</formula>
    </cfRule>
    <cfRule type="cellIs" dxfId="2400" priority="2403" operator="greaterThanOrEqual">
      <formula>110</formula>
    </cfRule>
  </conditionalFormatting>
  <conditionalFormatting sqref="R59">
    <cfRule type="cellIs" dxfId="2399" priority="2398" stopIfTrue="1" operator="equal">
      <formula>0</formula>
    </cfRule>
    <cfRule type="cellIs" dxfId="2398" priority="2399" operator="lessThanOrEqual">
      <formula>90</formula>
    </cfRule>
    <cfRule type="cellIs" dxfId="2397" priority="2400" operator="greaterThanOrEqual">
      <formula>110</formula>
    </cfRule>
  </conditionalFormatting>
  <conditionalFormatting sqref="R60">
    <cfRule type="cellIs" dxfId="2396" priority="2395" stopIfTrue="1" operator="equal">
      <formula>0</formula>
    </cfRule>
    <cfRule type="cellIs" dxfId="2395" priority="2396" operator="lessThanOrEqual">
      <formula>90</formula>
    </cfRule>
    <cfRule type="cellIs" dxfId="2394" priority="2397" operator="greaterThanOrEqual">
      <formula>110</formula>
    </cfRule>
  </conditionalFormatting>
  <conditionalFormatting sqref="R61">
    <cfRule type="cellIs" dxfId="2393" priority="2392" stopIfTrue="1" operator="equal">
      <formula>0</formula>
    </cfRule>
    <cfRule type="cellIs" dxfId="2392" priority="2393" operator="lessThanOrEqual">
      <formula>90</formula>
    </cfRule>
    <cfRule type="cellIs" dxfId="2391" priority="2394" operator="greaterThanOrEqual">
      <formula>110</formula>
    </cfRule>
  </conditionalFormatting>
  <conditionalFormatting sqref="R62">
    <cfRule type="cellIs" dxfId="2390" priority="2389" stopIfTrue="1" operator="equal">
      <formula>0</formula>
    </cfRule>
    <cfRule type="cellIs" dxfId="2389" priority="2390" operator="lessThanOrEqual">
      <formula>90</formula>
    </cfRule>
    <cfRule type="cellIs" dxfId="2388" priority="2391" operator="greaterThanOrEqual">
      <formula>110</formula>
    </cfRule>
  </conditionalFormatting>
  <conditionalFormatting sqref="R63">
    <cfRule type="cellIs" dxfId="2387" priority="2386" stopIfTrue="1" operator="equal">
      <formula>0</formula>
    </cfRule>
    <cfRule type="cellIs" dxfId="2386" priority="2387" operator="lessThanOrEqual">
      <formula>90</formula>
    </cfRule>
    <cfRule type="cellIs" dxfId="2385" priority="2388" operator="greaterThanOrEqual">
      <formula>110</formula>
    </cfRule>
  </conditionalFormatting>
  <conditionalFormatting sqref="R64">
    <cfRule type="cellIs" dxfId="2384" priority="2383" stopIfTrue="1" operator="equal">
      <formula>0</formula>
    </cfRule>
    <cfRule type="cellIs" dxfId="2383" priority="2384" operator="lessThanOrEqual">
      <formula>90</formula>
    </cfRule>
    <cfRule type="cellIs" dxfId="2382" priority="2385" operator="greaterThanOrEqual">
      <formula>110</formula>
    </cfRule>
  </conditionalFormatting>
  <conditionalFormatting sqref="R65">
    <cfRule type="cellIs" dxfId="2381" priority="2380" stopIfTrue="1" operator="equal">
      <formula>0</formula>
    </cfRule>
    <cfRule type="cellIs" dxfId="2380" priority="2381" operator="lessThanOrEqual">
      <formula>90</formula>
    </cfRule>
    <cfRule type="cellIs" dxfId="2379" priority="2382" operator="greaterThanOrEqual">
      <formula>110</formula>
    </cfRule>
  </conditionalFormatting>
  <conditionalFormatting sqref="S5">
    <cfRule type="cellIs" dxfId="2378" priority="2377" stopIfTrue="1" operator="equal">
      <formula>0</formula>
    </cfRule>
    <cfRule type="cellIs" dxfId="2377" priority="2378" operator="lessThanOrEqual">
      <formula>90</formula>
    </cfRule>
    <cfRule type="cellIs" dxfId="2376" priority="2379" operator="greaterThanOrEqual">
      <formula>110</formula>
    </cfRule>
  </conditionalFormatting>
  <conditionalFormatting sqref="S6">
    <cfRule type="cellIs" dxfId="2375" priority="2374" stopIfTrue="1" operator="equal">
      <formula>0</formula>
    </cfRule>
    <cfRule type="cellIs" dxfId="2374" priority="2375" operator="lessThanOrEqual">
      <formula>90</formula>
    </cfRule>
    <cfRule type="cellIs" dxfId="2373" priority="2376" operator="greaterThanOrEqual">
      <formula>110</formula>
    </cfRule>
  </conditionalFormatting>
  <conditionalFormatting sqref="S7">
    <cfRule type="cellIs" dxfId="2372" priority="2371" stopIfTrue="1" operator="equal">
      <formula>0</formula>
    </cfRule>
    <cfRule type="cellIs" dxfId="2371" priority="2372" operator="lessThanOrEqual">
      <formula>90</formula>
    </cfRule>
    <cfRule type="cellIs" dxfId="2370" priority="2373" operator="greaterThanOrEqual">
      <formula>110</formula>
    </cfRule>
  </conditionalFormatting>
  <conditionalFormatting sqref="S8">
    <cfRule type="cellIs" dxfId="2369" priority="2368" stopIfTrue="1" operator="equal">
      <formula>0</formula>
    </cfRule>
    <cfRule type="cellIs" dxfId="2368" priority="2369" operator="lessThanOrEqual">
      <formula>90</formula>
    </cfRule>
    <cfRule type="cellIs" dxfId="2367" priority="2370" operator="greaterThanOrEqual">
      <formula>110</formula>
    </cfRule>
  </conditionalFormatting>
  <conditionalFormatting sqref="S9">
    <cfRule type="cellIs" dxfId="2366" priority="2365" stopIfTrue="1" operator="equal">
      <formula>0</formula>
    </cfRule>
    <cfRule type="cellIs" dxfId="2365" priority="2366" operator="lessThanOrEqual">
      <formula>90</formula>
    </cfRule>
    <cfRule type="cellIs" dxfId="2364" priority="2367" operator="greaterThanOrEqual">
      <formula>110</formula>
    </cfRule>
  </conditionalFormatting>
  <conditionalFormatting sqref="S10">
    <cfRule type="cellIs" dxfId="2363" priority="2362" stopIfTrue="1" operator="equal">
      <formula>0</formula>
    </cfRule>
    <cfRule type="cellIs" dxfId="2362" priority="2363" operator="lessThanOrEqual">
      <formula>90</formula>
    </cfRule>
    <cfRule type="cellIs" dxfId="2361" priority="2364" operator="greaterThanOrEqual">
      <formula>110</formula>
    </cfRule>
  </conditionalFormatting>
  <conditionalFormatting sqref="S11">
    <cfRule type="cellIs" dxfId="2360" priority="2359" stopIfTrue="1" operator="equal">
      <formula>0</formula>
    </cfRule>
    <cfRule type="cellIs" dxfId="2359" priority="2360" operator="lessThanOrEqual">
      <formula>90</formula>
    </cfRule>
    <cfRule type="cellIs" dxfId="2358" priority="2361" operator="greaterThanOrEqual">
      <formula>110</formula>
    </cfRule>
  </conditionalFormatting>
  <conditionalFormatting sqref="S12">
    <cfRule type="cellIs" dxfId="2357" priority="2356" stopIfTrue="1" operator="equal">
      <formula>0</formula>
    </cfRule>
    <cfRule type="cellIs" dxfId="2356" priority="2357" operator="lessThanOrEqual">
      <formula>90</formula>
    </cfRule>
    <cfRule type="cellIs" dxfId="2355" priority="2358" operator="greaterThanOrEqual">
      <formula>110</formula>
    </cfRule>
  </conditionalFormatting>
  <conditionalFormatting sqref="S13">
    <cfRule type="cellIs" dxfId="2354" priority="2353" stopIfTrue="1" operator="equal">
      <formula>0</formula>
    </cfRule>
    <cfRule type="cellIs" dxfId="2353" priority="2354" operator="lessThanOrEqual">
      <formula>90</formula>
    </cfRule>
    <cfRule type="cellIs" dxfId="2352" priority="2355" operator="greaterThanOrEqual">
      <formula>110</formula>
    </cfRule>
  </conditionalFormatting>
  <conditionalFormatting sqref="S14">
    <cfRule type="cellIs" dxfId="2351" priority="2350" stopIfTrue="1" operator="equal">
      <formula>0</formula>
    </cfRule>
    <cfRule type="cellIs" dxfId="2350" priority="2351" operator="lessThanOrEqual">
      <formula>90</formula>
    </cfRule>
    <cfRule type="cellIs" dxfId="2349" priority="2352" operator="greaterThanOrEqual">
      <formula>110</formula>
    </cfRule>
  </conditionalFormatting>
  <conditionalFormatting sqref="S15">
    <cfRule type="cellIs" dxfId="2348" priority="2347" stopIfTrue="1" operator="equal">
      <formula>0</formula>
    </cfRule>
    <cfRule type="cellIs" dxfId="2347" priority="2348" operator="lessThanOrEqual">
      <formula>90</formula>
    </cfRule>
    <cfRule type="cellIs" dxfId="2346" priority="2349" operator="greaterThanOrEqual">
      <formula>110</formula>
    </cfRule>
  </conditionalFormatting>
  <conditionalFormatting sqref="S16">
    <cfRule type="cellIs" dxfId="2345" priority="2344" stopIfTrue="1" operator="equal">
      <formula>0</formula>
    </cfRule>
    <cfRule type="cellIs" dxfId="2344" priority="2345" operator="lessThanOrEqual">
      <formula>90</formula>
    </cfRule>
    <cfRule type="cellIs" dxfId="2343" priority="2346" operator="greaterThanOrEqual">
      <formula>110</formula>
    </cfRule>
  </conditionalFormatting>
  <conditionalFormatting sqref="S17">
    <cfRule type="cellIs" dxfId="2342" priority="2341" stopIfTrue="1" operator="equal">
      <formula>0</formula>
    </cfRule>
    <cfRule type="cellIs" dxfId="2341" priority="2342" operator="lessThanOrEqual">
      <formula>90</formula>
    </cfRule>
    <cfRule type="cellIs" dxfId="2340" priority="2343" operator="greaterThanOrEqual">
      <formula>110</formula>
    </cfRule>
  </conditionalFormatting>
  <conditionalFormatting sqref="S18">
    <cfRule type="cellIs" dxfId="2339" priority="2338" stopIfTrue="1" operator="equal">
      <formula>0</formula>
    </cfRule>
    <cfRule type="cellIs" dxfId="2338" priority="2339" operator="lessThanOrEqual">
      <formula>90</formula>
    </cfRule>
    <cfRule type="cellIs" dxfId="2337" priority="2340" operator="greaterThanOrEqual">
      <formula>110</formula>
    </cfRule>
  </conditionalFormatting>
  <conditionalFormatting sqref="S19">
    <cfRule type="cellIs" dxfId="2336" priority="2335" stopIfTrue="1" operator="equal">
      <formula>0</formula>
    </cfRule>
    <cfRule type="cellIs" dxfId="2335" priority="2336" operator="lessThanOrEqual">
      <formula>90</formula>
    </cfRule>
    <cfRule type="cellIs" dxfId="2334" priority="2337" operator="greaterThanOrEqual">
      <formula>110</formula>
    </cfRule>
  </conditionalFormatting>
  <conditionalFormatting sqref="S20">
    <cfRule type="cellIs" dxfId="2333" priority="2332" stopIfTrue="1" operator="equal">
      <formula>0</formula>
    </cfRule>
    <cfRule type="cellIs" dxfId="2332" priority="2333" operator="lessThanOrEqual">
      <formula>90</formula>
    </cfRule>
    <cfRule type="cellIs" dxfId="2331" priority="2334" operator="greaterThanOrEqual">
      <formula>110</formula>
    </cfRule>
  </conditionalFormatting>
  <conditionalFormatting sqref="S21">
    <cfRule type="cellIs" dxfId="2330" priority="2329" stopIfTrue="1" operator="equal">
      <formula>0</formula>
    </cfRule>
    <cfRule type="cellIs" dxfId="2329" priority="2330" operator="lessThanOrEqual">
      <formula>90</formula>
    </cfRule>
    <cfRule type="cellIs" dxfId="2328" priority="2331" operator="greaterThanOrEqual">
      <formula>110</formula>
    </cfRule>
  </conditionalFormatting>
  <conditionalFormatting sqref="S22">
    <cfRule type="cellIs" dxfId="2327" priority="2326" stopIfTrue="1" operator="equal">
      <formula>0</formula>
    </cfRule>
    <cfRule type="cellIs" dxfId="2326" priority="2327" operator="lessThanOrEqual">
      <formula>90</formula>
    </cfRule>
    <cfRule type="cellIs" dxfId="2325" priority="2328" operator="greaterThanOrEqual">
      <formula>110</formula>
    </cfRule>
  </conditionalFormatting>
  <conditionalFormatting sqref="S23">
    <cfRule type="cellIs" dxfId="2324" priority="2323" stopIfTrue="1" operator="equal">
      <formula>0</formula>
    </cfRule>
    <cfRule type="cellIs" dxfId="2323" priority="2324" operator="lessThanOrEqual">
      <formula>90</formula>
    </cfRule>
    <cfRule type="cellIs" dxfId="2322" priority="2325" operator="greaterThanOrEqual">
      <formula>110</formula>
    </cfRule>
  </conditionalFormatting>
  <conditionalFormatting sqref="S24">
    <cfRule type="cellIs" dxfId="2321" priority="2320" stopIfTrue="1" operator="equal">
      <formula>0</formula>
    </cfRule>
    <cfRule type="cellIs" dxfId="2320" priority="2321" operator="lessThanOrEqual">
      <formula>90</formula>
    </cfRule>
    <cfRule type="cellIs" dxfId="2319" priority="2322" operator="greaterThanOrEqual">
      <formula>110</formula>
    </cfRule>
  </conditionalFormatting>
  <conditionalFormatting sqref="S25">
    <cfRule type="cellIs" dxfId="2318" priority="2317" stopIfTrue="1" operator="equal">
      <formula>0</formula>
    </cfRule>
    <cfRule type="cellIs" dxfId="2317" priority="2318" operator="lessThanOrEqual">
      <formula>90</formula>
    </cfRule>
    <cfRule type="cellIs" dxfId="2316" priority="2319" operator="greaterThanOrEqual">
      <formula>110</formula>
    </cfRule>
  </conditionalFormatting>
  <conditionalFormatting sqref="S26">
    <cfRule type="cellIs" dxfId="2315" priority="2314" stopIfTrue="1" operator="equal">
      <formula>0</formula>
    </cfRule>
    <cfRule type="cellIs" dxfId="2314" priority="2315" operator="lessThanOrEqual">
      <formula>90</formula>
    </cfRule>
    <cfRule type="cellIs" dxfId="2313" priority="2316" operator="greaterThanOrEqual">
      <formula>110</formula>
    </cfRule>
  </conditionalFormatting>
  <conditionalFormatting sqref="S27">
    <cfRule type="cellIs" dxfId="2312" priority="2311" stopIfTrue="1" operator="equal">
      <formula>0</formula>
    </cfRule>
    <cfRule type="cellIs" dxfId="2311" priority="2312" operator="lessThanOrEqual">
      <formula>90</formula>
    </cfRule>
    <cfRule type="cellIs" dxfId="2310" priority="2313" operator="greaterThanOrEqual">
      <formula>110</formula>
    </cfRule>
  </conditionalFormatting>
  <conditionalFormatting sqref="S28">
    <cfRule type="cellIs" dxfId="2309" priority="2308" stopIfTrue="1" operator="equal">
      <formula>0</formula>
    </cfRule>
    <cfRule type="cellIs" dxfId="2308" priority="2309" operator="lessThanOrEqual">
      <formula>90</formula>
    </cfRule>
    <cfRule type="cellIs" dxfId="2307" priority="2310" operator="greaterThanOrEqual">
      <formula>110</formula>
    </cfRule>
  </conditionalFormatting>
  <conditionalFormatting sqref="S29">
    <cfRule type="cellIs" dxfId="2306" priority="2305" stopIfTrue="1" operator="equal">
      <formula>0</formula>
    </cfRule>
    <cfRule type="cellIs" dxfId="2305" priority="2306" operator="lessThanOrEqual">
      <formula>90</formula>
    </cfRule>
    <cfRule type="cellIs" dxfId="2304" priority="2307" operator="greaterThanOrEqual">
      <formula>110</formula>
    </cfRule>
  </conditionalFormatting>
  <conditionalFormatting sqref="S30">
    <cfRule type="cellIs" dxfId="2303" priority="2302" stopIfTrue="1" operator="equal">
      <formula>0</formula>
    </cfRule>
    <cfRule type="cellIs" dxfId="2302" priority="2303" operator="lessThanOrEqual">
      <formula>90</formula>
    </cfRule>
    <cfRule type="cellIs" dxfId="2301" priority="2304" operator="greaterThanOrEqual">
      <formula>110</formula>
    </cfRule>
  </conditionalFormatting>
  <conditionalFormatting sqref="S31">
    <cfRule type="cellIs" dxfId="2300" priority="2299" stopIfTrue="1" operator="equal">
      <formula>0</formula>
    </cfRule>
    <cfRule type="cellIs" dxfId="2299" priority="2300" operator="lessThanOrEqual">
      <formula>90</formula>
    </cfRule>
    <cfRule type="cellIs" dxfId="2298" priority="2301" operator="greaterThanOrEqual">
      <formula>110</formula>
    </cfRule>
  </conditionalFormatting>
  <conditionalFormatting sqref="S32">
    <cfRule type="cellIs" dxfId="2297" priority="2296" stopIfTrue="1" operator="equal">
      <formula>0</formula>
    </cfRule>
    <cfRule type="cellIs" dxfId="2296" priority="2297" operator="lessThanOrEqual">
      <formula>90</formula>
    </cfRule>
    <cfRule type="cellIs" dxfId="2295" priority="2298" operator="greaterThanOrEqual">
      <formula>110</formula>
    </cfRule>
  </conditionalFormatting>
  <conditionalFormatting sqref="S33">
    <cfRule type="cellIs" dxfId="2294" priority="2293" stopIfTrue="1" operator="equal">
      <formula>0</formula>
    </cfRule>
    <cfRule type="cellIs" dxfId="2293" priority="2294" operator="lessThanOrEqual">
      <formula>90</formula>
    </cfRule>
    <cfRule type="cellIs" dxfId="2292" priority="2295" operator="greaterThanOrEqual">
      <formula>110</formula>
    </cfRule>
  </conditionalFormatting>
  <conditionalFormatting sqref="S34">
    <cfRule type="cellIs" dxfId="2291" priority="2290" stopIfTrue="1" operator="equal">
      <formula>0</formula>
    </cfRule>
    <cfRule type="cellIs" dxfId="2290" priority="2291" operator="lessThanOrEqual">
      <formula>90</formula>
    </cfRule>
    <cfRule type="cellIs" dxfId="2289" priority="2292" operator="greaterThanOrEqual">
      <formula>110</formula>
    </cfRule>
  </conditionalFormatting>
  <conditionalFormatting sqref="S35">
    <cfRule type="cellIs" dxfId="2288" priority="2287" stopIfTrue="1" operator="equal">
      <formula>0</formula>
    </cfRule>
    <cfRule type="cellIs" dxfId="2287" priority="2288" operator="lessThanOrEqual">
      <formula>90</formula>
    </cfRule>
    <cfRule type="cellIs" dxfId="2286" priority="2289" operator="greaterThanOrEqual">
      <formula>110</formula>
    </cfRule>
  </conditionalFormatting>
  <conditionalFormatting sqref="S36">
    <cfRule type="cellIs" dxfId="2285" priority="2284" stopIfTrue="1" operator="equal">
      <formula>0</formula>
    </cfRule>
    <cfRule type="cellIs" dxfId="2284" priority="2285" operator="lessThanOrEqual">
      <formula>90</formula>
    </cfRule>
    <cfRule type="cellIs" dxfId="2283" priority="2286" operator="greaterThanOrEqual">
      <formula>110</formula>
    </cfRule>
  </conditionalFormatting>
  <conditionalFormatting sqref="S37">
    <cfRule type="cellIs" dxfId="2282" priority="2281" stopIfTrue="1" operator="equal">
      <formula>0</formula>
    </cfRule>
    <cfRule type="cellIs" dxfId="2281" priority="2282" operator="lessThanOrEqual">
      <formula>90</formula>
    </cfRule>
    <cfRule type="cellIs" dxfId="2280" priority="2283" operator="greaterThanOrEqual">
      <formula>110</formula>
    </cfRule>
  </conditionalFormatting>
  <conditionalFormatting sqref="S38">
    <cfRule type="cellIs" dxfId="2279" priority="2278" stopIfTrue="1" operator="equal">
      <formula>0</formula>
    </cfRule>
    <cfRule type="cellIs" dxfId="2278" priority="2279" operator="lessThanOrEqual">
      <formula>90</formula>
    </cfRule>
    <cfRule type="cellIs" dxfId="2277" priority="2280" operator="greaterThanOrEqual">
      <formula>110</formula>
    </cfRule>
  </conditionalFormatting>
  <conditionalFormatting sqref="S39">
    <cfRule type="cellIs" dxfId="2276" priority="2275" stopIfTrue="1" operator="equal">
      <formula>0</formula>
    </cfRule>
    <cfRule type="cellIs" dxfId="2275" priority="2276" operator="lessThanOrEqual">
      <formula>90</formula>
    </cfRule>
    <cfRule type="cellIs" dxfId="2274" priority="2277" operator="greaterThanOrEqual">
      <formula>110</formula>
    </cfRule>
  </conditionalFormatting>
  <conditionalFormatting sqref="S40">
    <cfRule type="cellIs" dxfId="2273" priority="2272" stopIfTrue="1" operator="equal">
      <formula>0</formula>
    </cfRule>
    <cfRule type="cellIs" dxfId="2272" priority="2273" operator="lessThanOrEqual">
      <formula>90</formula>
    </cfRule>
    <cfRule type="cellIs" dxfId="2271" priority="2274" operator="greaterThanOrEqual">
      <formula>110</formula>
    </cfRule>
  </conditionalFormatting>
  <conditionalFormatting sqref="S41">
    <cfRule type="cellIs" dxfId="2270" priority="2269" stopIfTrue="1" operator="equal">
      <formula>0</formula>
    </cfRule>
    <cfRule type="cellIs" dxfId="2269" priority="2270" operator="lessThanOrEqual">
      <formula>90</formula>
    </cfRule>
    <cfRule type="cellIs" dxfId="2268" priority="2271" operator="greaterThanOrEqual">
      <formula>110</formula>
    </cfRule>
  </conditionalFormatting>
  <conditionalFormatting sqref="S42">
    <cfRule type="cellIs" dxfId="2267" priority="2266" stopIfTrue="1" operator="equal">
      <formula>0</formula>
    </cfRule>
    <cfRule type="cellIs" dxfId="2266" priority="2267" operator="lessThanOrEqual">
      <formula>90</formula>
    </cfRule>
    <cfRule type="cellIs" dxfId="2265" priority="2268" operator="greaterThanOrEqual">
      <formula>110</formula>
    </cfRule>
  </conditionalFormatting>
  <conditionalFormatting sqref="S43">
    <cfRule type="cellIs" dxfId="2264" priority="2263" stopIfTrue="1" operator="equal">
      <formula>0</formula>
    </cfRule>
    <cfRule type="cellIs" dxfId="2263" priority="2264" operator="lessThanOrEqual">
      <formula>90</formula>
    </cfRule>
    <cfRule type="cellIs" dxfId="2262" priority="2265" operator="greaterThanOrEqual">
      <formula>110</formula>
    </cfRule>
  </conditionalFormatting>
  <conditionalFormatting sqref="S44">
    <cfRule type="cellIs" dxfId="2261" priority="2260" stopIfTrue="1" operator="equal">
      <formula>0</formula>
    </cfRule>
    <cfRule type="cellIs" dxfId="2260" priority="2261" operator="lessThanOrEqual">
      <formula>90</formula>
    </cfRule>
    <cfRule type="cellIs" dxfId="2259" priority="2262" operator="greaterThanOrEqual">
      <formula>110</formula>
    </cfRule>
  </conditionalFormatting>
  <conditionalFormatting sqref="S45">
    <cfRule type="cellIs" dxfId="2258" priority="2257" stopIfTrue="1" operator="equal">
      <formula>0</formula>
    </cfRule>
    <cfRule type="cellIs" dxfId="2257" priority="2258" operator="lessThanOrEqual">
      <formula>90</formula>
    </cfRule>
    <cfRule type="cellIs" dxfId="2256" priority="2259" operator="greaterThanOrEqual">
      <formula>110</formula>
    </cfRule>
  </conditionalFormatting>
  <conditionalFormatting sqref="S46">
    <cfRule type="cellIs" dxfId="2255" priority="2254" stopIfTrue="1" operator="equal">
      <formula>0</formula>
    </cfRule>
    <cfRule type="cellIs" dxfId="2254" priority="2255" operator="lessThanOrEqual">
      <formula>90</formula>
    </cfRule>
    <cfRule type="cellIs" dxfId="2253" priority="2256" operator="greaterThanOrEqual">
      <formula>110</formula>
    </cfRule>
  </conditionalFormatting>
  <conditionalFormatting sqref="S47">
    <cfRule type="cellIs" dxfId="2252" priority="2251" stopIfTrue="1" operator="equal">
      <formula>0</formula>
    </cfRule>
    <cfRule type="cellIs" dxfId="2251" priority="2252" operator="lessThanOrEqual">
      <formula>90</formula>
    </cfRule>
    <cfRule type="cellIs" dxfId="2250" priority="2253" operator="greaterThanOrEqual">
      <formula>110</formula>
    </cfRule>
  </conditionalFormatting>
  <conditionalFormatting sqref="S48">
    <cfRule type="cellIs" dxfId="2249" priority="2248" stopIfTrue="1" operator="equal">
      <formula>0</formula>
    </cfRule>
    <cfRule type="cellIs" dxfId="2248" priority="2249" operator="lessThanOrEqual">
      <formula>90</formula>
    </cfRule>
    <cfRule type="cellIs" dxfId="2247" priority="2250" operator="greaterThanOrEqual">
      <formula>110</formula>
    </cfRule>
  </conditionalFormatting>
  <conditionalFormatting sqref="S49">
    <cfRule type="cellIs" dxfId="2246" priority="2245" stopIfTrue="1" operator="equal">
      <formula>0</formula>
    </cfRule>
    <cfRule type="cellIs" dxfId="2245" priority="2246" operator="lessThanOrEqual">
      <formula>90</formula>
    </cfRule>
    <cfRule type="cellIs" dxfId="2244" priority="2247" operator="greaterThanOrEqual">
      <formula>110</formula>
    </cfRule>
  </conditionalFormatting>
  <conditionalFormatting sqref="S50">
    <cfRule type="cellIs" dxfId="2243" priority="2242" stopIfTrue="1" operator="equal">
      <formula>0</formula>
    </cfRule>
    <cfRule type="cellIs" dxfId="2242" priority="2243" operator="lessThanOrEqual">
      <formula>90</formula>
    </cfRule>
    <cfRule type="cellIs" dxfId="2241" priority="2244" operator="greaterThanOrEqual">
      <formula>110</formula>
    </cfRule>
  </conditionalFormatting>
  <conditionalFormatting sqref="S51">
    <cfRule type="cellIs" dxfId="2240" priority="2239" stopIfTrue="1" operator="equal">
      <formula>0</formula>
    </cfRule>
    <cfRule type="cellIs" dxfId="2239" priority="2240" operator="lessThanOrEqual">
      <formula>90</formula>
    </cfRule>
    <cfRule type="cellIs" dxfId="2238" priority="2241" operator="greaterThanOrEqual">
      <formula>110</formula>
    </cfRule>
  </conditionalFormatting>
  <conditionalFormatting sqref="S52">
    <cfRule type="cellIs" dxfId="2237" priority="2236" stopIfTrue="1" operator="equal">
      <formula>0</formula>
    </cfRule>
    <cfRule type="cellIs" dxfId="2236" priority="2237" operator="lessThanOrEqual">
      <formula>90</formula>
    </cfRule>
    <cfRule type="cellIs" dxfId="2235" priority="2238" operator="greaterThanOrEqual">
      <formula>110</formula>
    </cfRule>
  </conditionalFormatting>
  <conditionalFormatting sqref="S53">
    <cfRule type="cellIs" dxfId="2234" priority="2233" stopIfTrue="1" operator="equal">
      <formula>0</formula>
    </cfRule>
    <cfRule type="cellIs" dxfId="2233" priority="2234" operator="lessThanOrEqual">
      <formula>90</formula>
    </cfRule>
    <cfRule type="cellIs" dxfId="2232" priority="2235" operator="greaterThanOrEqual">
      <formula>110</formula>
    </cfRule>
  </conditionalFormatting>
  <conditionalFormatting sqref="S54">
    <cfRule type="cellIs" dxfId="2231" priority="2230" stopIfTrue="1" operator="equal">
      <formula>0</formula>
    </cfRule>
    <cfRule type="cellIs" dxfId="2230" priority="2231" operator="lessThanOrEqual">
      <formula>90</formula>
    </cfRule>
    <cfRule type="cellIs" dxfId="2229" priority="2232" operator="greaterThanOrEqual">
      <formula>110</formula>
    </cfRule>
  </conditionalFormatting>
  <conditionalFormatting sqref="S55">
    <cfRule type="cellIs" dxfId="2228" priority="2227" stopIfTrue="1" operator="equal">
      <formula>0</formula>
    </cfRule>
    <cfRule type="cellIs" dxfId="2227" priority="2228" operator="lessThanOrEqual">
      <formula>90</formula>
    </cfRule>
    <cfRule type="cellIs" dxfId="2226" priority="2229" operator="greaterThanOrEqual">
      <formula>110</formula>
    </cfRule>
  </conditionalFormatting>
  <conditionalFormatting sqref="S56">
    <cfRule type="cellIs" dxfId="2225" priority="2224" stopIfTrue="1" operator="equal">
      <formula>0</formula>
    </cfRule>
    <cfRule type="cellIs" dxfId="2224" priority="2225" operator="lessThanOrEqual">
      <formula>90</formula>
    </cfRule>
    <cfRule type="cellIs" dxfId="2223" priority="2226" operator="greaterThanOrEqual">
      <formula>110</formula>
    </cfRule>
  </conditionalFormatting>
  <conditionalFormatting sqref="S57">
    <cfRule type="cellIs" dxfId="2222" priority="2221" stopIfTrue="1" operator="equal">
      <formula>0</formula>
    </cfRule>
    <cfRule type="cellIs" dxfId="2221" priority="2222" operator="lessThanOrEqual">
      <formula>90</formula>
    </cfRule>
    <cfRule type="cellIs" dxfId="2220" priority="2223" operator="greaterThanOrEqual">
      <formula>110</formula>
    </cfRule>
  </conditionalFormatting>
  <conditionalFormatting sqref="S58">
    <cfRule type="cellIs" dxfId="2219" priority="2218" stopIfTrue="1" operator="equal">
      <formula>0</formula>
    </cfRule>
    <cfRule type="cellIs" dxfId="2218" priority="2219" operator="lessThanOrEqual">
      <formula>90</formula>
    </cfRule>
    <cfRule type="cellIs" dxfId="2217" priority="2220" operator="greaterThanOrEqual">
      <formula>110</formula>
    </cfRule>
  </conditionalFormatting>
  <conditionalFormatting sqref="S59">
    <cfRule type="cellIs" dxfId="2216" priority="2215" stopIfTrue="1" operator="equal">
      <formula>0</formula>
    </cfRule>
    <cfRule type="cellIs" dxfId="2215" priority="2216" operator="lessThanOrEqual">
      <formula>90</formula>
    </cfRule>
    <cfRule type="cellIs" dxfId="2214" priority="2217" operator="greaterThanOrEqual">
      <formula>110</formula>
    </cfRule>
  </conditionalFormatting>
  <conditionalFormatting sqref="S60">
    <cfRule type="cellIs" dxfId="2213" priority="2212" stopIfTrue="1" operator="equal">
      <formula>0</formula>
    </cfRule>
    <cfRule type="cellIs" dxfId="2212" priority="2213" operator="lessThanOrEqual">
      <formula>90</formula>
    </cfRule>
    <cfRule type="cellIs" dxfId="2211" priority="2214" operator="greaterThanOrEqual">
      <formula>110</formula>
    </cfRule>
  </conditionalFormatting>
  <conditionalFormatting sqref="S61">
    <cfRule type="cellIs" dxfId="2210" priority="2209" stopIfTrue="1" operator="equal">
      <formula>0</formula>
    </cfRule>
    <cfRule type="cellIs" dxfId="2209" priority="2210" operator="lessThanOrEqual">
      <formula>90</formula>
    </cfRule>
    <cfRule type="cellIs" dxfId="2208" priority="2211" operator="greaterThanOrEqual">
      <formula>110</formula>
    </cfRule>
  </conditionalFormatting>
  <conditionalFormatting sqref="S62">
    <cfRule type="cellIs" dxfId="2207" priority="2206" stopIfTrue="1" operator="equal">
      <formula>0</formula>
    </cfRule>
    <cfRule type="cellIs" dxfId="2206" priority="2207" operator="lessThanOrEqual">
      <formula>90</formula>
    </cfRule>
    <cfRule type="cellIs" dxfId="2205" priority="2208" operator="greaterThanOrEqual">
      <formula>110</formula>
    </cfRule>
  </conditionalFormatting>
  <conditionalFormatting sqref="S63">
    <cfRule type="cellIs" dxfId="2204" priority="2203" stopIfTrue="1" operator="equal">
      <formula>0</formula>
    </cfRule>
    <cfRule type="cellIs" dxfId="2203" priority="2204" operator="lessThanOrEqual">
      <formula>90</formula>
    </cfRule>
    <cfRule type="cellIs" dxfId="2202" priority="2205" operator="greaterThanOrEqual">
      <formula>110</formula>
    </cfRule>
  </conditionalFormatting>
  <conditionalFormatting sqref="S64">
    <cfRule type="cellIs" dxfId="2201" priority="2200" stopIfTrue="1" operator="equal">
      <formula>0</formula>
    </cfRule>
    <cfRule type="cellIs" dxfId="2200" priority="2201" operator="lessThanOrEqual">
      <formula>90</formula>
    </cfRule>
    <cfRule type="cellIs" dxfId="2199" priority="2202" operator="greaterThanOrEqual">
      <formula>110</formula>
    </cfRule>
  </conditionalFormatting>
  <conditionalFormatting sqref="S65">
    <cfRule type="cellIs" dxfId="2198" priority="2197" stopIfTrue="1" operator="equal">
      <formula>0</formula>
    </cfRule>
    <cfRule type="cellIs" dxfId="2197" priority="2198" operator="lessThanOrEqual">
      <formula>90</formula>
    </cfRule>
    <cfRule type="cellIs" dxfId="2196" priority="2199" operator="greaterThanOrEqual">
      <formula>110</formula>
    </cfRule>
  </conditionalFormatting>
  <conditionalFormatting sqref="T5">
    <cfRule type="cellIs" dxfId="2195" priority="2194" stopIfTrue="1" operator="equal">
      <formula>0</formula>
    </cfRule>
    <cfRule type="cellIs" dxfId="2194" priority="2195" operator="lessThanOrEqual">
      <formula>90</formula>
    </cfRule>
    <cfRule type="cellIs" dxfId="2193" priority="2196" operator="greaterThanOrEqual">
      <formula>110</formula>
    </cfRule>
  </conditionalFormatting>
  <conditionalFormatting sqref="T6">
    <cfRule type="cellIs" dxfId="2192" priority="2191" stopIfTrue="1" operator="equal">
      <formula>0</formula>
    </cfRule>
    <cfRule type="cellIs" dxfId="2191" priority="2192" operator="lessThanOrEqual">
      <formula>90</formula>
    </cfRule>
    <cfRule type="cellIs" dxfId="2190" priority="2193" operator="greaterThanOrEqual">
      <formula>110</formula>
    </cfRule>
  </conditionalFormatting>
  <conditionalFormatting sqref="T7">
    <cfRule type="cellIs" dxfId="2189" priority="2188" stopIfTrue="1" operator="equal">
      <formula>0</formula>
    </cfRule>
    <cfRule type="cellIs" dxfId="2188" priority="2189" operator="lessThanOrEqual">
      <formula>90</formula>
    </cfRule>
    <cfRule type="cellIs" dxfId="2187" priority="2190" operator="greaterThanOrEqual">
      <formula>110</formula>
    </cfRule>
  </conditionalFormatting>
  <conditionalFormatting sqref="T8">
    <cfRule type="cellIs" dxfId="2186" priority="2185" stopIfTrue="1" operator="equal">
      <formula>0</formula>
    </cfRule>
    <cfRule type="cellIs" dxfId="2185" priority="2186" operator="lessThanOrEqual">
      <formula>90</formula>
    </cfRule>
    <cfRule type="cellIs" dxfId="2184" priority="2187" operator="greaterThanOrEqual">
      <formula>110</formula>
    </cfRule>
  </conditionalFormatting>
  <conditionalFormatting sqref="T9">
    <cfRule type="cellIs" dxfId="2183" priority="2182" stopIfTrue="1" operator="equal">
      <formula>0</formula>
    </cfRule>
    <cfRule type="cellIs" dxfId="2182" priority="2183" operator="lessThanOrEqual">
      <formula>90</formula>
    </cfRule>
    <cfRule type="cellIs" dxfId="2181" priority="2184" operator="greaterThanOrEqual">
      <formula>110</formula>
    </cfRule>
  </conditionalFormatting>
  <conditionalFormatting sqref="T10">
    <cfRule type="cellIs" dxfId="2180" priority="2179" stopIfTrue="1" operator="equal">
      <formula>0</formula>
    </cfRule>
    <cfRule type="cellIs" dxfId="2179" priority="2180" operator="lessThanOrEqual">
      <formula>90</formula>
    </cfRule>
    <cfRule type="cellIs" dxfId="2178" priority="2181" operator="greaterThanOrEqual">
      <formula>110</formula>
    </cfRule>
  </conditionalFormatting>
  <conditionalFormatting sqref="T11">
    <cfRule type="cellIs" dxfId="2177" priority="2176" stopIfTrue="1" operator="equal">
      <formula>0</formula>
    </cfRule>
    <cfRule type="cellIs" dxfId="2176" priority="2177" operator="lessThanOrEqual">
      <formula>90</formula>
    </cfRule>
    <cfRule type="cellIs" dxfId="2175" priority="2178" operator="greaterThanOrEqual">
      <formula>110</formula>
    </cfRule>
  </conditionalFormatting>
  <conditionalFormatting sqref="T12">
    <cfRule type="cellIs" dxfId="2174" priority="2173" stopIfTrue="1" operator="equal">
      <formula>0</formula>
    </cfRule>
    <cfRule type="cellIs" dxfId="2173" priority="2174" operator="lessThanOrEqual">
      <formula>90</formula>
    </cfRule>
    <cfRule type="cellIs" dxfId="2172" priority="2175" operator="greaterThanOrEqual">
      <formula>110</formula>
    </cfRule>
  </conditionalFormatting>
  <conditionalFormatting sqref="T13">
    <cfRule type="cellIs" dxfId="2171" priority="2170" stopIfTrue="1" operator="equal">
      <formula>0</formula>
    </cfRule>
    <cfRule type="cellIs" dxfId="2170" priority="2171" operator="lessThanOrEqual">
      <formula>90</formula>
    </cfRule>
    <cfRule type="cellIs" dxfId="2169" priority="2172" operator="greaterThanOrEqual">
      <formula>110</formula>
    </cfRule>
  </conditionalFormatting>
  <conditionalFormatting sqref="T14">
    <cfRule type="cellIs" dxfId="2168" priority="2167" stopIfTrue="1" operator="equal">
      <formula>0</formula>
    </cfRule>
    <cfRule type="cellIs" dxfId="2167" priority="2168" operator="lessThanOrEqual">
      <formula>90</formula>
    </cfRule>
    <cfRule type="cellIs" dxfId="2166" priority="2169" operator="greaterThanOrEqual">
      <formula>110</formula>
    </cfRule>
  </conditionalFormatting>
  <conditionalFormatting sqref="T15">
    <cfRule type="cellIs" dxfId="2165" priority="2164" stopIfTrue="1" operator="equal">
      <formula>0</formula>
    </cfRule>
    <cfRule type="cellIs" dxfId="2164" priority="2165" operator="lessThanOrEqual">
      <formula>90</formula>
    </cfRule>
    <cfRule type="cellIs" dxfId="2163" priority="2166" operator="greaterThanOrEqual">
      <formula>110</formula>
    </cfRule>
  </conditionalFormatting>
  <conditionalFormatting sqref="T16">
    <cfRule type="cellIs" dxfId="2162" priority="2161" stopIfTrue="1" operator="equal">
      <formula>0</formula>
    </cfRule>
    <cfRule type="cellIs" dxfId="2161" priority="2162" operator="lessThanOrEqual">
      <formula>90</formula>
    </cfRule>
    <cfRule type="cellIs" dxfId="2160" priority="2163" operator="greaterThanOrEqual">
      <formula>110</formula>
    </cfRule>
  </conditionalFormatting>
  <conditionalFormatting sqref="T17">
    <cfRule type="cellIs" dxfId="2159" priority="2158" stopIfTrue="1" operator="equal">
      <formula>0</formula>
    </cfRule>
    <cfRule type="cellIs" dxfId="2158" priority="2159" operator="lessThanOrEqual">
      <formula>90</formula>
    </cfRule>
    <cfRule type="cellIs" dxfId="2157" priority="2160" operator="greaterThanOrEqual">
      <formula>110</formula>
    </cfRule>
  </conditionalFormatting>
  <conditionalFormatting sqref="T18">
    <cfRule type="cellIs" dxfId="2156" priority="2155" stopIfTrue="1" operator="equal">
      <formula>0</formula>
    </cfRule>
    <cfRule type="cellIs" dxfId="2155" priority="2156" operator="lessThanOrEqual">
      <formula>90</formula>
    </cfRule>
    <cfRule type="cellIs" dxfId="2154" priority="2157" operator="greaterThanOrEqual">
      <formula>110</formula>
    </cfRule>
  </conditionalFormatting>
  <conditionalFormatting sqref="T19">
    <cfRule type="cellIs" dxfId="2153" priority="2152" stopIfTrue="1" operator="equal">
      <formula>0</formula>
    </cfRule>
    <cfRule type="cellIs" dxfId="2152" priority="2153" operator="lessThanOrEqual">
      <formula>90</formula>
    </cfRule>
    <cfRule type="cellIs" dxfId="2151" priority="2154" operator="greaterThanOrEqual">
      <formula>110</formula>
    </cfRule>
  </conditionalFormatting>
  <conditionalFormatting sqref="T20">
    <cfRule type="cellIs" dxfId="2150" priority="2149" stopIfTrue="1" operator="equal">
      <formula>0</formula>
    </cfRule>
    <cfRule type="cellIs" dxfId="2149" priority="2150" operator="lessThanOrEqual">
      <formula>90</formula>
    </cfRule>
    <cfRule type="cellIs" dxfId="2148" priority="2151" operator="greaterThanOrEqual">
      <formula>110</formula>
    </cfRule>
  </conditionalFormatting>
  <conditionalFormatting sqref="T21">
    <cfRule type="cellIs" dxfId="2147" priority="2146" stopIfTrue="1" operator="equal">
      <formula>0</formula>
    </cfRule>
    <cfRule type="cellIs" dxfId="2146" priority="2147" operator="lessThanOrEqual">
      <formula>90</formula>
    </cfRule>
    <cfRule type="cellIs" dxfId="2145" priority="2148" operator="greaterThanOrEqual">
      <formula>110</formula>
    </cfRule>
  </conditionalFormatting>
  <conditionalFormatting sqref="T22">
    <cfRule type="cellIs" dxfId="2144" priority="2143" stopIfTrue="1" operator="equal">
      <formula>0</formula>
    </cfRule>
    <cfRule type="cellIs" dxfId="2143" priority="2144" operator="lessThanOrEqual">
      <formula>90</formula>
    </cfRule>
    <cfRule type="cellIs" dxfId="2142" priority="2145" operator="greaterThanOrEqual">
      <formula>110</formula>
    </cfRule>
  </conditionalFormatting>
  <conditionalFormatting sqref="T23">
    <cfRule type="cellIs" dxfId="2141" priority="2140" stopIfTrue="1" operator="equal">
      <formula>0</formula>
    </cfRule>
    <cfRule type="cellIs" dxfId="2140" priority="2141" operator="lessThanOrEqual">
      <formula>90</formula>
    </cfRule>
    <cfRule type="cellIs" dxfId="2139" priority="2142" operator="greaterThanOrEqual">
      <formula>110</formula>
    </cfRule>
  </conditionalFormatting>
  <conditionalFormatting sqref="T24">
    <cfRule type="cellIs" dxfId="2138" priority="2137" stopIfTrue="1" operator="equal">
      <formula>0</formula>
    </cfRule>
    <cfRule type="cellIs" dxfId="2137" priority="2138" operator="lessThanOrEqual">
      <formula>90</formula>
    </cfRule>
    <cfRule type="cellIs" dxfId="2136" priority="2139" operator="greaterThanOrEqual">
      <formula>110</formula>
    </cfRule>
  </conditionalFormatting>
  <conditionalFormatting sqref="T25">
    <cfRule type="cellIs" dxfId="2135" priority="2134" stopIfTrue="1" operator="equal">
      <formula>0</formula>
    </cfRule>
    <cfRule type="cellIs" dxfId="2134" priority="2135" operator="lessThanOrEqual">
      <formula>90</formula>
    </cfRule>
    <cfRule type="cellIs" dxfId="2133" priority="2136" operator="greaterThanOrEqual">
      <formula>110</formula>
    </cfRule>
  </conditionalFormatting>
  <conditionalFormatting sqref="T26">
    <cfRule type="cellIs" dxfId="2132" priority="2131" stopIfTrue="1" operator="equal">
      <formula>0</formula>
    </cfRule>
    <cfRule type="cellIs" dxfId="2131" priority="2132" operator="lessThanOrEqual">
      <formula>90</formula>
    </cfRule>
    <cfRule type="cellIs" dxfId="2130" priority="2133" operator="greaterThanOrEqual">
      <formula>110</formula>
    </cfRule>
  </conditionalFormatting>
  <conditionalFormatting sqref="T27">
    <cfRule type="cellIs" dxfId="2129" priority="2128" stopIfTrue="1" operator="equal">
      <formula>0</formula>
    </cfRule>
    <cfRule type="cellIs" dxfId="2128" priority="2129" operator="lessThanOrEqual">
      <formula>90</formula>
    </cfRule>
    <cfRule type="cellIs" dxfId="2127" priority="2130" operator="greaterThanOrEqual">
      <formula>110</formula>
    </cfRule>
  </conditionalFormatting>
  <conditionalFormatting sqref="T28">
    <cfRule type="cellIs" dxfId="2126" priority="2125" stopIfTrue="1" operator="equal">
      <formula>0</formula>
    </cfRule>
    <cfRule type="cellIs" dxfId="2125" priority="2126" operator="lessThanOrEqual">
      <formula>90</formula>
    </cfRule>
    <cfRule type="cellIs" dxfId="2124" priority="2127" operator="greaterThanOrEqual">
      <formula>110</formula>
    </cfRule>
  </conditionalFormatting>
  <conditionalFormatting sqref="T29">
    <cfRule type="cellIs" dxfId="2123" priority="2122" stopIfTrue="1" operator="equal">
      <formula>0</formula>
    </cfRule>
    <cfRule type="cellIs" dxfId="2122" priority="2123" operator="lessThanOrEqual">
      <formula>90</formula>
    </cfRule>
    <cfRule type="cellIs" dxfId="2121" priority="2124" operator="greaterThanOrEqual">
      <formula>110</formula>
    </cfRule>
  </conditionalFormatting>
  <conditionalFormatting sqref="T30">
    <cfRule type="cellIs" dxfId="2120" priority="2119" stopIfTrue="1" operator="equal">
      <formula>0</formula>
    </cfRule>
    <cfRule type="cellIs" dxfId="2119" priority="2120" operator="lessThanOrEqual">
      <formula>90</formula>
    </cfRule>
    <cfRule type="cellIs" dxfId="2118" priority="2121" operator="greaterThanOrEqual">
      <formula>110</formula>
    </cfRule>
  </conditionalFormatting>
  <conditionalFormatting sqref="T31">
    <cfRule type="cellIs" dxfId="2117" priority="2116" stopIfTrue="1" operator="equal">
      <formula>0</formula>
    </cfRule>
    <cfRule type="cellIs" dxfId="2116" priority="2117" operator="lessThanOrEqual">
      <formula>90</formula>
    </cfRule>
    <cfRule type="cellIs" dxfId="2115" priority="2118" operator="greaterThanOrEqual">
      <formula>110</formula>
    </cfRule>
  </conditionalFormatting>
  <conditionalFormatting sqref="T32">
    <cfRule type="cellIs" dxfId="2114" priority="2113" stopIfTrue="1" operator="equal">
      <formula>0</formula>
    </cfRule>
    <cfRule type="cellIs" dxfId="2113" priority="2114" operator="lessThanOrEqual">
      <formula>90</formula>
    </cfRule>
    <cfRule type="cellIs" dxfId="2112" priority="2115" operator="greaterThanOrEqual">
      <formula>110</formula>
    </cfRule>
  </conditionalFormatting>
  <conditionalFormatting sqref="T33">
    <cfRule type="cellIs" dxfId="2111" priority="2110" stopIfTrue="1" operator="equal">
      <formula>0</formula>
    </cfRule>
    <cfRule type="cellIs" dxfId="2110" priority="2111" operator="lessThanOrEqual">
      <formula>90</formula>
    </cfRule>
    <cfRule type="cellIs" dxfId="2109" priority="2112" operator="greaterThanOrEqual">
      <formula>110</formula>
    </cfRule>
  </conditionalFormatting>
  <conditionalFormatting sqref="T34">
    <cfRule type="cellIs" dxfId="2108" priority="2107" stopIfTrue="1" operator="equal">
      <formula>0</formula>
    </cfRule>
    <cfRule type="cellIs" dxfId="2107" priority="2108" operator="lessThanOrEqual">
      <formula>90</formula>
    </cfRule>
    <cfRule type="cellIs" dxfId="2106" priority="2109" operator="greaterThanOrEqual">
      <formula>110</formula>
    </cfRule>
  </conditionalFormatting>
  <conditionalFormatting sqref="T35">
    <cfRule type="cellIs" dxfId="2105" priority="2104" stopIfTrue="1" operator="equal">
      <formula>0</formula>
    </cfRule>
    <cfRule type="cellIs" dxfId="2104" priority="2105" operator="lessThanOrEqual">
      <formula>90</formula>
    </cfRule>
    <cfRule type="cellIs" dxfId="2103" priority="2106" operator="greaterThanOrEqual">
      <formula>110</formula>
    </cfRule>
  </conditionalFormatting>
  <conditionalFormatting sqref="T36">
    <cfRule type="cellIs" dxfId="2102" priority="2101" stopIfTrue="1" operator="equal">
      <formula>0</formula>
    </cfRule>
    <cfRule type="cellIs" dxfId="2101" priority="2102" operator="lessThanOrEqual">
      <formula>90</formula>
    </cfRule>
    <cfRule type="cellIs" dxfId="2100" priority="2103" operator="greaterThanOrEqual">
      <formula>110</formula>
    </cfRule>
  </conditionalFormatting>
  <conditionalFormatting sqref="T37">
    <cfRule type="cellIs" dxfId="2099" priority="2098" stopIfTrue="1" operator="equal">
      <formula>0</formula>
    </cfRule>
    <cfRule type="cellIs" dxfId="2098" priority="2099" operator="lessThanOrEqual">
      <formula>90</formula>
    </cfRule>
    <cfRule type="cellIs" dxfId="2097" priority="2100" operator="greaterThanOrEqual">
      <formula>110</formula>
    </cfRule>
  </conditionalFormatting>
  <conditionalFormatting sqref="T38">
    <cfRule type="cellIs" dxfId="2096" priority="2095" stopIfTrue="1" operator="equal">
      <formula>0</formula>
    </cfRule>
    <cfRule type="cellIs" dxfId="2095" priority="2096" operator="lessThanOrEqual">
      <formula>90</formula>
    </cfRule>
    <cfRule type="cellIs" dxfId="2094" priority="2097" operator="greaterThanOrEqual">
      <formula>110</formula>
    </cfRule>
  </conditionalFormatting>
  <conditionalFormatting sqref="T39">
    <cfRule type="cellIs" dxfId="2093" priority="2092" stopIfTrue="1" operator="equal">
      <formula>0</formula>
    </cfRule>
    <cfRule type="cellIs" dxfId="2092" priority="2093" operator="lessThanOrEqual">
      <formula>90</formula>
    </cfRule>
    <cfRule type="cellIs" dxfId="2091" priority="2094" operator="greaterThanOrEqual">
      <formula>110</formula>
    </cfRule>
  </conditionalFormatting>
  <conditionalFormatting sqref="T40">
    <cfRule type="cellIs" dxfId="2090" priority="2089" stopIfTrue="1" operator="equal">
      <formula>0</formula>
    </cfRule>
    <cfRule type="cellIs" dxfId="2089" priority="2090" operator="lessThanOrEqual">
      <formula>90</formula>
    </cfRule>
    <cfRule type="cellIs" dxfId="2088" priority="2091" operator="greaterThanOrEqual">
      <formula>110</formula>
    </cfRule>
  </conditionalFormatting>
  <conditionalFormatting sqref="T41">
    <cfRule type="cellIs" dxfId="2087" priority="2086" stopIfTrue="1" operator="equal">
      <formula>0</formula>
    </cfRule>
    <cfRule type="cellIs" dxfId="2086" priority="2087" operator="lessThanOrEqual">
      <formula>90</formula>
    </cfRule>
    <cfRule type="cellIs" dxfId="2085" priority="2088" operator="greaterThanOrEqual">
      <formula>110</formula>
    </cfRule>
  </conditionalFormatting>
  <conditionalFormatting sqref="T42">
    <cfRule type="cellIs" dxfId="2084" priority="2083" stopIfTrue="1" operator="equal">
      <formula>0</formula>
    </cfRule>
    <cfRule type="cellIs" dxfId="2083" priority="2084" operator="lessThanOrEqual">
      <formula>90</formula>
    </cfRule>
    <cfRule type="cellIs" dxfId="2082" priority="2085" operator="greaterThanOrEqual">
      <formula>110</formula>
    </cfRule>
  </conditionalFormatting>
  <conditionalFormatting sqref="T43">
    <cfRule type="cellIs" dxfId="2081" priority="2080" stopIfTrue="1" operator="equal">
      <formula>0</formula>
    </cfRule>
    <cfRule type="cellIs" dxfId="2080" priority="2081" operator="lessThanOrEqual">
      <formula>90</formula>
    </cfRule>
    <cfRule type="cellIs" dxfId="2079" priority="2082" operator="greaterThanOrEqual">
      <formula>110</formula>
    </cfRule>
  </conditionalFormatting>
  <conditionalFormatting sqref="T44">
    <cfRule type="cellIs" dxfId="2078" priority="2077" stopIfTrue="1" operator="equal">
      <formula>0</formula>
    </cfRule>
    <cfRule type="cellIs" dxfId="2077" priority="2078" operator="lessThanOrEqual">
      <formula>90</formula>
    </cfRule>
    <cfRule type="cellIs" dxfId="2076" priority="2079" operator="greaterThanOrEqual">
      <formula>110</formula>
    </cfRule>
  </conditionalFormatting>
  <conditionalFormatting sqref="T45">
    <cfRule type="cellIs" dxfId="2075" priority="2074" stopIfTrue="1" operator="equal">
      <formula>0</formula>
    </cfRule>
    <cfRule type="cellIs" dxfId="2074" priority="2075" operator="lessThanOrEqual">
      <formula>90</formula>
    </cfRule>
    <cfRule type="cellIs" dxfId="2073" priority="2076" operator="greaterThanOrEqual">
      <formula>110</formula>
    </cfRule>
  </conditionalFormatting>
  <conditionalFormatting sqref="T46">
    <cfRule type="cellIs" dxfId="2072" priority="2071" stopIfTrue="1" operator="equal">
      <formula>0</formula>
    </cfRule>
    <cfRule type="cellIs" dxfId="2071" priority="2072" operator="lessThanOrEqual">
      <formula>90</formula>
    </cfRule>
    <cfRule type="cellIs" dxfId="2070" priority="2073" operator="greaterThanOrEqual">
      <formula>110</formula>
    </cfRule>
  </conditionalFormatting>
  <conditionalFormatting sqref="T47">
    <cfRule type="cellIs" dxfId="2069" priority="2068" stopIfTrue="1" operator="equal">
      <formula>0</formula>
    </cfRule>
    <cfRule type="cellIs" dxfId="2068" priority="2069" operator="lessThanOrEqual">
      <formula>90</formula>
    </cfRule>
    <cfRule type="cellIs" dxfId="2067" priority="2070" operator="greaterThanOrEqual">
      <formula>110</formula>
    </cfRule>
  </conditionalFormatting>
  <conditionalFormatting sqref="T48">
    <cfRule type="cellIs" dxfId="2066" priority="2065" stopIfTrue="1" operator="equal">
      <formula>0</formula>
    </cfRule>
    <cfRule type="cellIs" dxfId="2065" priority="2066" operator="lessThanOrEqual">
      <formula>90</formula>
    </cfRule>
    <cfRule type="cellIs" dxfId="2064" priority="2067" operator="greaterThanOrEqual">
      <formula>110</formula>
    </cfRule>
  </conditionalFormatting>
  <conditionalFormatting sqref="T49">
    <cfRule type="cellIs" dxfId="2063" priority="2062" stopIfTrue="1" operator="equal">
      <formula>0</formula>
    </cfRule>
    <cfRule type="cellIs" dxfId="2062" priority="2063" operator="lessThanOrEqual">
      <formula>90</formula>
    </cfRule>
    <cfRule type="cellIs" dxfId="2061" priority="2064" operator="greaterThanOrEqual">
      <formula>110</formula>
    </cfRule>
  </conditionalFormatting>
  <conditionalFormatting sqref="T50">
    <cfRule type="cellIs" dxfId="2060" priority="2059" stopIfTrue="1" operator="equal">
      <formula>0</formula>
    </cfRule>
    <cfRule type="cellIs" dxfId="2059" priority="2060" operator="lessThanOrEqual">
      <formula>90</formula>
    </cfRule>
    <cfRule type="cellIs" dxfId="2058" priority="2061" operator="greaterThanOrEqual">
      <formula>110</formula>
    </cfRule>
  </conditionalFormatting>
  <conditionalFormatting sqref="T51">
    <cfRule type="cellIs" dxfId="2057" priority="2056" stopIfTrue="1" operator="equal">
      <formula>0</formula>
    </cfRule>
    <cfRule type="cellIs" dxfId="2056" priority="2057" operator="lessThanOrEqual">
      <formula>90</formula>
    </cfRule>
    <cfRule type="cellIs" dxfId="2055" priority="2058" operator="greaterThanOrEqual">
      <formula>110</formula>
    </cfRule>
  </conditionalFormatting>
  <conditionalFormatting sqref="T52">
    <cfRule type="cellIs" dxfId="2054" priority="2053" stopIfTrue="1" operator="equal">
      <formula>0</formula>
    </cfRule>
    <cfRule type="cellIs" dxfId="2053" priority="2054" operator="lessThanOrEqual">
      <formula>90</formula>
    </cfRule>
    <cfRule type="cellIs" dxfId="2052" priority="2055" operator="greaterThanOrEqual">
      <formula>110</formula>
    </cfRule>
  </conditionalFormatting>
  <conditionalFormatting sqref="T53">
    <cfRule type="cellIs" dxfId="2051" priority="2050" stopIfTrue="1" operator="equal">
      <formula>0</formula>
    </cfRule>
    <cfRule type="cellIs" dxfId="2050" priority="2051" operator="lessThanOrEqual">
      <formula>90</formula>
    </cfRule>
    <cfRule type="cellIs" dxfId="2049" priority="2052" operator="greaterThanOrEqual">
      <formula>110</formula>
    </cfRule>
  </conditionalFormatting>
  <conditionalFormatting sqref="T54">
    <cfRule type="cellIs" dxfId="2048" priority="2047" stopIfTrue="1" operator="equal">
      <formula>0</formula>
    </cfRule>
    <cfRule type="cellIs" dxfId="2047" priority="2048" operator="lessThanOrEqual">
      <formula>90</formula>
    </cfRule>
    <cfRule type="cellIs" dxfId="2046" priority="2049" operator="greaterThanOrEqual">
      <formula>110</formula>
    </cfRule>
  </conditionalFormatting>
  <conditionalFormatting sqref="T55">
    <cfRule type="cellIs" dxfId="2045" priority="2044" stopIfTrue="1" operator="equal">
      <formula>0</formula>
    </cfRule>
    <cfRule type="cellIs" dxfId="2044" priority="2045" operator="lessThanOrEqual">
      <formula>90</formula>
    </cfRule>
    <cfRule type="cellIs" dxfId="2043" priority="2046" operator="greaterThanOrEqual">
      <formula>110</formula>
    </cfRule>
  </conditionalFormatting>
  <conditionalFormatting sqref="T56">
    <cfRule type="cellIs" dxfId="2042" priority="2041" stopIfTrue="1" operator="equal">
      <formula>0</formula>
    </cfRule>
    <cfRule type="cellIs" dxfId="2041" priority="2042" operator="lessThanOrEqual">
      <formula>90</formula>
    </cfRule>
    <cfRule type="cellIs" dxfId="2040" priority="2043" operator="greaterThanOrEqual">
      <formula>110</formula>
    </cfRule>
  </conditionalFormatting>
  <conditionalFormatting sqref="T57">
    <cfRule type="cellIs" dxfId="2039" priority="2038" stopIfTrue="1" operator="equal">
      <formula>0</formula>
    </cfRule>
    <cfRule type="cellIs" dxfId="2038" priority="2039" operator="lessThanOrEqual">
      <formula>90</formula>
    </cfRule>
    <cfRule type="cellIs" dxfId="2037" priority="2040" operator="greaterThanOrEqual">
      <formula>110</formula>
    </cfRule>
  </conditionalFormatting>
  <conditionalFormatting sqref="T58">
    <cfRule type="cellIs" dxfId="2036" priority="2035" stopIfTrue="1" operator="equal">
      <formula>0</formula>
    </cfRule>
    <cfRule type="cellIs" dxfId="2035" priority="2036" operator="lessThanOrEqual">
      <formula>90</formula>
    </cfRule>
    <cfRule type="cellIs" dxfId="2034" priority="2037" operator="greaterThanOrEqual">
      <formula>110</formula>
    </cfRule>
  </conditionalFormatting>
  <conditionalFormatting sqref="T59">
    <cfRule type="cellIs" dxfId="2033" priority="2032" stopIfTrue="1" operator="equal">
      <formula>0</formula>
    </cfRule>
    <cfRule type="cellIs" dxfId="2032" priority="2033" operator="lessThanOrEqual">
      <formula>90</formula>
    </cfRule>
    <cfRule type="cellIs" dxfId="2031" priority="2034" operator="greaterThanOrEqual">
      <formula>110</formula>
    </cfRule>
  </conditionalFormatting>
  <conditionalFormatting sqref="T60">
    <cfRule type="cellIs" dxfId="2030" priority="2029" stopIfTrue="1" operator="equal">
      <formula>0</formula>
    </cfRule>
    <cfRule type="cellIs" dxfId="2029" priority="2030" operator="lessThanOrEqual">
      <formula>90</formula>
    </cfRule>
    <cfRule type="cellIs" dxfId="2028" priority="2031" operator="greaterThanOrEqual">
      <formula>110</formula>
    </cfRule>
  </conditionalFormatting>
  <conditionalFormatting sqref="T61">
    <cfRule type="cellIs" dxfId="2027" priority="2026" stopIfTrue="1" operator="equal">
      <formula>0</formula>
    </cfRule>
    <cfRule type="cellIs" dxfId="2026" priority="2027" operator="lessThanOrEqual">
      <formula>90</formula>
    </cfRule>
    <cfRule type="cellIs" dxfId="2025" priority="2028" operator="greaterThanOrEqual">
      <formula>110</formula>
    </cfRule>
  </conditionalFormatting>
  <conditionalFormatting sqref="T62">
    <cfRule type="cellIs" dxfId="2024" priority="2023" stopIfTrue="1" operator="equal">
      <formula>0</formula>
    </cfRule>
    <cfRule type="cellIs" dxfId="2023" priority="2024" operator="lessThanOrEqual">
      <formula>90</formula>
    </cfRule>
    <cfRule type="cellIs" dxfId="2022" priority="2025" operator="greaterThanOrEqual">
      <formula>110</formula>
    </cfRule>
  </conditionalFormatting>
  <conditionalFormatting sqref="T63">
    <cfRule type="cellIs" dxfId="2021" priority="2020" stopIfTrue="1" operator="equal">
      <formula>0</formula>
    </cfRule>
    <cfRule type="cellIs" dxfId="2020" priority="2021" operator="lessThanOrEqual">
      <formula>90</formula>
    </cfRule>
    <cfRule type="cellIs" dxfId="2019" priority="2022" operator="greaterThanOrEqual">
      <formula>110</formula>
    </cfRule>
  </conditionalFormatting>
  <conditionalFormatting sqref="T64">
    <cfRule type="cellIs" dxfId="2018" priority="2017" stopIfTrue="1" operator="equal">
      <formula>0</formula>
    </cfRule>
    <cfRule type="cellIs" dxfId="2017" priority="2018" operator="lessThanOrEqual">
      <formula>90</formula>
    </cfRule>
    <cfRule type="cellIs" dxfId="2016" priority="2019" operator="greaterThanOrEqual">
      <formula>110</formula>
    </cfRule>
  </conditionalFormatting>
  <conditionalFormatting sqref="T65">
    <cfRule type="cellIs" dxfId="2015" priority="2014" stopIfTrue="1" operator="equal">
      <formula>0</formula>
    </cfRule>
    <cfRule type="cellIs" dxfId="2014" priority="2015" operator="lessThanOrEqual">
      <formula>90</formula>
    </cfRule>
    <cfRule type="cellIs" dxfId="2013" priority="2016" operator="greaterThanOrEqual">
      <formula>110</formula>
    </cfRule>
  </conditionalFormatting>
  <conditionalFormatting sqref="U5">
    <cfRule type="cellIs" dxfId="2012" priority="2011" stopIfTrue="1" operator="equal">
      <formula>0</formula>
    </cfRule>
    <cfRule type="cellIs" dxfId="2011" priority="2012" operator="lessThanOrEqual">
      <formula>90</formula>
    </cfRule>
    <cfRule type="cellIs" dxfId="2010" priority="2013" operator="greaterThanOrEqual">
      <formula>110</formula>
    </cfRule>
  </conditionalFormatting>
  <conditionalFormatting sqref="U6">
    <cfRule type="cellIs" dxfId="2009" priority="2008" stopIfTrue="1" operator="equal">
      <formula>0</formula>
    </cfRule>
    <cfRule type="cellIs" dxfId="2008" priority="2009" operator="lessThanOrEqual">
      <formula>90</formula>
    </cfRule>
    <cfRule type="cellIs" dxfId="2007" priority="2010" operator="greaterThanOrEqual">
      <formula>110</formula>
    </cfRule>
  </conditionalFormatting>
  <conditionalFormatting sqref="U7">
    <cfRule type="cellIs" dxfId="2006" priority="2005" stopIfTrue="1" operator="equal">
      <formula>0</formula>
    </cfRule>
    <cfRule type="cellIs" dxfId="2005" priority="2006" operator="lessThanOrEqual">
      <formula>90</formula>
    </cfRule>
    <cfRule type="cellIs" dxfId="2004" priority="2007" operator="greaterThanOrEqual">
      <formula>110</formula>
    </cfRule>
  </conditionalFormatting>
  <conditionalFormatting sqref="U8">
    <cfRule type="cellIs" dxfId="2003" priority="2002" stopIfTrue="1" operator="equal">
      <formula>0</formula>
    </cfRule>
    <cfRule type="cellIs" dxfId="2002" priority="2003" operator="lessThanOrEqual">
      <formula>90</formula>
    </cfRule>
    <cfRule type="cellIs" dxfId="2001" priority="2004" operator="greaterThanOrEqual">
      <formula>110</formula>
    </cfRule>
  </conditionalFormatting>
  <conditionalFormatting sqref="U9">
    <cfRule type="cellIs" dxfId="2000" priority="1999" stopIfTrue="1" operator="equal">
      <formula>0</formula>
    </cfRule>
    <cfRule type="cellIs" dxfId="1999" priority="2000" operator="lessThanOrEqual">
      <formula>90</formula>
    </cfRule>
    <cfRule type="cellIs" dxfId="1998" priority="2001" operator="greaterThanOrEqual">
      <formula>110</formula>
    </cfRule>
  </conditionalFormatting>
  <conditionalFormatting sqref="U10">
    <cfRule type="cellIs" dxfId="1997" priority="1996" stopIfTrue="1" operator="equal">
      <formula>0</formula>
    </cfRule>
    <cfRule type="cellIs" dxfId="1996" priority="1997" operator="lessThanOrEqual">
      <formula>90</formula>
    </cfRule>
    <cfRule type="cellIs" dxfId="1995" priority="1998" operator="greaterThanOrEqual">
      <formula>110</formula>
    </cfRule>
  </conditionalFormatting>
  <conditionalFormatting sqref="U11">
    <cfRule type="cellIs" dxfId="1994" priority="1993" stopIfTrue="1" operator="equal">
      <formula>0</formula>
    </cfRule>
    <cfRule type="cellIs" dxfId="1993" priority="1994" operator="lessThanOrEqual">
      <formula>90</formula>
    </cfRule>
    <cfRule type="cellIs" dxfId="1992" priority="1995" operator="greaterThanOrEqual">
      <formula>110</formula>
    </cfRule>
  </conditionalFormatting>
  <conditionalFormatting sqref="U12">
    <cfRule type="cellIs" dxfId="1991" priority="1990" stopIfTrue="1" operator="equal">
      <formula>0</formula>
    </cfRule>
    <cfRule type="cellIs" dxfId="1990" priority="1991" operator="lessThanOrEqual">
      <formula>90</formula>
    </cfRule>
    <cfRule type="cellIs" dxfId="1989" priority="1992" operator="greaterThanOrEqual">
      <formula>110</formula>
    </cfRule>
  </conditionalFormatting>
  <conditionalFormatting sqref="U13">
    <cfRule type="cellIs" dxfId="1988" priority="1987" stopIfTrue="1" operator="equal">
      <formula>0</formula>
    </cfRule>
    <cfRule type="cellIs" dxfId="1987" priority="1988" operator="lessThanOrEqual">
      <formula>90</formula>
    </cfRule>
    <cfRule type="cellIs" dxfId="1986" priority="1989" operator="greaterThanOrEqual">
      <formula>110</formula>
    </cfRule>
  </conditionalFormatting>
  <conditionalFormatting sqref="U14">
    <cfRule type="cellIs" dxfId="1985" priority="1984" stopIfTrue="1" operator="equal">
      <formula>0</formula>
    </cfRule>
    <cfRule type="cellIs" dxfId="1984" priority="1985" operator="lessThanOrEqual">
      <formula>90</formula>
    </cfRule>
    <cfRule type="cellIs" dxfId="1983" priority="1986" operator="greaterThanOrEqual">
      <formula>110</formula>
    </cfRule>
  </conditionalFormatting>
  <conditionalFormatting sqref="U15">
    <cfRule type="cellIs" dxfId="1982" priority="1981" stopIfTrue="1" operator="equal">
      <formula>0</formula>
    </cfRule>
    <cfRule type="cellIs" dxfId="1981" priority="1982" operator="lessThanOrEqual">
      <formula>90</formula>
    </cfRule>
    <cfRule type="cellIs" dxfId="1980" priority="1983" operator="greaterThanOrEqual">
      <formula>110</formula>
    </cfRule>
  </conditionalFormatting>
  <conditionalFormatting sqref="U16">
    <cfRule type="cellIs" dxfId="1979" priority="1978" stopIfTrue="1" operator="equal">
      <formula>0</formula>
    </cfRule>
    <cfRule type="cellIs" dxfId="1978" priority="1979" operator="lessThanOrEqual">
      <formula>90</formula>
    </cfRule>
    <cfRule type="cellIs" dxfId="1977" priority="1980" operator="greaterThanOrEqual">
      <formula>110</formula>
    </cfRule>
  </conditionalFormatting>
  <conditionalFormatting sqref="U17">
    <cfRule type="cellIs" dxfId="1976" priority="1975" stopIfTrue="1" operator="equal">
      <formula>0</formula>
    </cfRule>
    <cfRule type="cellIs" dxfId="1975" priority="1976" operator="lessThanOrEqual">
      <formula>90</formula>
    </cfRule>
    <cfRule type="cellIs" dxfId="1974" priority="1977" operator="greaterThanOrEqual">
      <formula>110</formula>
    </cfRule>
  </conditionalFormatting>
  <conditionalFormatting sqref="U18">
    <cfRule type="cellIs" dxfId="1973" priority="1972" stopIfTrue="1" operator="equal">
      <formula>0</formula>
    </cfRule>
    <cfRule type="cellIs" dxfId="1972" priority="1973" operator="lessThanOrEqual">
      <formula>90</formula>
    </cfRule>
    <cfRule type="cellIs" dxfId="1971" priority="1974" operator="greaterThanOrEqual">
      <formula>110</formula>
    </cfRule>
  </conditionalFormatting>
  <conditionalFormatting sqref="U19">
    <cfRule type="cellIs" dxfId="1970" priority="1969" stopIfTrue="1" operator="equal">
      <formula>0</formula>
    </cfRule>
    <cfRule type="cellIs" dxfId="1969" priority="1970" operator="lessThanOrEqual">
      <formula>90</formula>
    </cfRule>
    <cfRule type="cellIs" dxfId="1968" priority="1971" operator="greaterThanOrEqual">
      <formula>110</formula>
    </cfRule>
  </conditionalFormatting>
  <conditionalFormatting sqref="U20">
    <cfRule type="cellIs" dxfId="1967" priority="1966" stopIfTrue="1" operator="equal">
      <formula>0</formula>
    </cfRule>
    <cfRule type="cellIs" dxfId="1966" priority="1967" operator="lessThanOrEqual">
      <formula>90</formula>
    </cfRule>
    <cfRule type="cellIs" dxfId="1965" priority="1968" operator="greaterThanOrEqual">
      <formula>110</formula>
    </cfRule>
  </conditionalFormatting>
  <conditionalFormatting sqref="U21">
    <cfRule type="cellIs" dxfId="1964" priority="1963" stopIfTrue="1" operator="equal">
      <formula>0</formula>
    </cfRule>
    <cfRule type="cellIs" dxfId="1963" priority="1964" operator="lessThanOrEqual">
      <formula>90</formula>
    </cfRule>
    <cfRule type="cellIs" dxfId="1962" priority="1965" operator="greaterThanOrEqual">
      <formula>110</formula>
    </cfRule>
  </conditionalFormatting>
  <conditionalFormatting sqref="U22">
    <cfRule type="cellIs" dxfId="1961" priority="1960" stopIfTrue="1" operator="equal">
      <formula>0</formula>
    </cfRule>
    <cfRule type="cellIs" dxfId="1960" priority="1961" operator="lessThanOrEqual">
      <formula>90</formula>
    </cfRule>
    <cfRule type="cellIs" dxfId="1959" priority="1962" operator="greaterThanOrEqual">
      <formula>110</formula>
    </cfRule>
  </conditionalFormatting>
  <conditionalFormatting sqref="U23">
    <cfRule type="cellIs" dxfId="1958" priority="1957" stopIfTrue="1" operator="equal">
      <formula>0</formula>
    </cfRule>
    <cfRule type="cellIs" dxfId="1957" priority="1958" operator="lessThanOrEqual">
      <formula>90</formula>
    </cfRule>
    <cfRule type="cellIs" dxfId="1956" priority="1959" operator="greaterThanOrEqual">
      <formula>110</formula>
    </cfRule>
  </conditionalFormatting>
  <conditionalFormatting sqref="U24">
    <cfRule type="cellIs" dxfId="1955" priority="1954" stopIfTrue="1" operator="equal">
      <formula>0</formula>
    </cfRule>
    <cfRule type="cellIs" dxfId="1954" priority="1955" operator="lessThanOrEqual">
      <formula>90</formula>
    </cfRule>
    <cfRule type="cellIs" dxfId="1953" priority="1956" operator="greaterThanOrEqual">
      <formula>110</formula>
    </cfRule>
  </conditionalFormatting>
  <conditionalFormatting sqref="U25">
    <cfRule type="cellIs" dxfId="1952" priority="1951" stopIfTrue="1" operator="equal">
      <formula>0</formula>
    </cfRule>
    <cfRule type="cellIs" dxfId="1951" priority="1952" operator="lessThanOrEqual">
      <formula>90</formula>
    </cfRule>
    <cfRule type="cellIs" dxfId="1950" priority="1953" operator="greaterThanOrEqual">
      <formula>110</formula>
    </cfRule>
  </conditionalFormatting>
  <conditionalFormatting sqref="U26">
    <cfRule type="cellIs" dxfId="1949" priority="1948" stopIfTrue="1" operator="equal">
      <formula>0</formula>
    </cfRule>
    <cfRule type="cellIs" dxfId="1948" priority="1949" operator="lessThanOrEqual">
      <formula>90</formula>
    </cfRule>
    <cfRule type="cellIs" dxfId="1947" priority="1950" operator="greaterThanOrEqual">
      <formula>110</formula>
    </cfRule>
  </conditionalFormatting>
  <conditionalFormatting sqref="U27">
    <cfRule type="cellIs" dxfId="1946" priority="1945" stopIfTrue="1" operator="equal">
      <formula>0</formula>
    </cfRule>
    <cfRule type="cellIs" dxfId="1945" priority="1946" operator="lessThanOrEqual">
      <formula>90</formula>
    </cfRule>
    <cfRule type="cellIs" dxfId="1944" priority="1947" operator="greaterThanOrEqual">
      <formula>110</formula>
    </cfRule>
  </conditionalFormatting>
  <conditionalFormatting sqref="U28">
    <cfRule type="cellIs" dxfId="1943" priority="1942" stopIfTrue="1" operator="equal">
      <formula>0</formula>
    </cfRule>
    <cfRule type="cellIs" dxfId="1942" priority="1943" operator="lessThanOrEqual">
      <formula>90</formula>
    </cfRule>
    <cfRule type="cellIs" dxfId="1941" priority="1944" operator="greaterThanOrEqual">
      <formula>110</formula>
    </cfRule>
  </conditionalFormatting>
  <conditionalFormatting sqref="U29">
    <cfRule type="cellIs" dxfId="1940" priority="1939" stopIfTrue="1" operator="equal">
      <formula>0</formula>
    </cfRule>
    <cfRule type="cellIs" dxfId="1939" priority="1940" operator="lessThanOrEqual">
      <formula>90</formula>
    </cfRule>
    <cfRule type="cellIs" dxfId="1938" priority="1941" operator="greaterThanOrEqual">
      <formula>110</formula>
    </cfRule>
  </conditionalFormatting>
  <conditionalFormatting sqref="U30">
    <cfRule type="cellIs" dxfId="1937" priority="1936" stopIfTrue="1" operator="equal">
      <formula>0</formula>
    </cfRule>
    <cfRule type="cellIs" dxfId="1936" priority="1937" operator="lessThanOrEqual">
      <formula>90</formula>
    </cfRule>
    <cfRule type="cellIs" dxfId="1935" priority="1938" operator="greaterThanOrEqual">
      <formula>110</formula>
    </cfRule>
  </conditionalFormatting>
  <conditionalFormatting sqref="U31">
    <cfRule type="cellIs" dxfId="1934" priority="1933" stopIfTrue="1" operator="equal">
      <formula>0</formula>
    </cfRule>
    <cfRule type="cellIs" dxfId="1933" priority="1934" operator="lessThanOrEqual">
      <formula>90</formula>
    </cfRule>
    <cfRule type="cellIs" dxfId="1932" priority="1935" operator="greaterThanOrEqual">
      <formula>110</formula>
    </cfRule>
  </conditionalFormatting>
  <conditionalFormatting sqref="U32">
    <cfRule type="cellIs" dxfId="1931" priority="1930" stopIfTrue="1" operator="equal">
      <formula>0</formula>
    </cfRule>
    <cfRule type="cellIs" dxfId="1930" priority="1931" operator="lessThanOrEqual">
      <formula>90</formula>
    </cfRule>
    <cfRule type="cellIs" dxfId="1929" priority="1932" operator="greaterThanOrEqual">
      <formula>110</formula>
    </cfRule>
  </conditionalFormatting>
  <conditionalFormatting sqref="U33">
    <cfRule type="cellIs" dxfId="1928" priority="1927" stopIfTrue="1" operator="equal">
      <formula>0</formula>
    </cfRule>
    <cfRule type="cellIs" dxfId="1927" priority="1928" operator="lessThanOrEqual">
      <formula>90</formula>
    </cfRule>
    <cfRule type="cellIs" dxfId="1926" priority="1929" operator="greaterThanOrEqual">
      <formula>110</formula>
    </cfRule>
  </conditionalFormatting>
  <conditionalFormatting sqref="U34">
    <cfRule type="cellIs" dxfId="1925" priority="1924" stopIfTrue="1" operator="equal">
      <formula>0</formula>
    </cfRule>
    <cfRule type="cellIs" dxfId="1924" priority="1925" operator="lessThanOrEqual">
      <formula>90</formula>
    </cfRule>
    <cfRule type="cellIs" dxfId="1923" priority="1926" operator="greaterThanOrEqual">
      <formula>110</formula>
    </cfRule>
  </conditionalFormatting>
  <conditionalFormatting sqref="U35">
    <cfRule type="cellIs" dxfId="1922" priority="1921" stopIfTrue="1" operator="equal">
      <formula>0</formula>
    </cfRule>
    <cfRule type="cellIs" dxfId="1921" priority="1922" operator="lessThanOrEqual">
      <formula>90</formula>
    </cfRule>
    <cfRule type="cellIs" dxfId="1920" priority="1923" operator="greaterThanOrEqual">
      <formula>110</formula>
    </cfRule>
  </conditionalFormatting>
  <conditionalFormatting sqref="U36">
    <cfRule type="cellIs" dxfId="1919" priority="1918" stopIfTrue="1" operator="equal">
      <formula>0</formula>
    </cfRule>
    <cfRule type="cellIs" dxfId="1918" priority="1919" operator="lessThanOrEqual">
      <formula>90</formula>
    </cfRule>
    <cfRule type="cellIs" dxfId="1917" priority="1920" operator="greaterThanOrEqual">
      <formula>110</formula>
    </cfRule>
  </conditionalFormatting>
  <conditionalFormatting sqref="U37">
    <cfRule type="cellIs" dxfId="1916" priority="1915" stopIfTrue="1" operator="equal">
      <formula>0</formula>
    </cfRule>
    <cfRule type="cellIs" dxfId="1915" priority="1916" operator="lessThanOrEqual">
      <formula>90</formula>
    </cfRule>
    <cfRule type="cellIs" dxfId="1914" priority="1917" operator="greaterThanOrEqual">
      <formula>110</formula>
    </cfRule>
  </conditionalFormatting>
  <conditionalFormatting sqref="U38">
    <cfRule type="cellIs" dxfId="1913" priority="1912" stopIfTrue="1" operator="equal">
      <formula>0</formula>
    </cfRule>
    <cfRule type="cellIs" dxfId="1912" priority="1913" operator="lessThanOrEqual">
      <formula>90</formula>
    </cfRule>
    <cfRule type="cellIs" dxfId="1911" priority="1914" operator="greaterThanOrEqual">
      <formula>110</formula>
    </cfRule>
  </conditionalFormatting>
  <conditionalFormatting sqref="U39">
    <cfRule type="cellIs" dxfId="1910" priority="1909" stopIfTrue="1" operator="equal">
      <formula>0</formula>
    </cfRule>
    <cfRule type="cellIs" dxfId="1909" priority="1910" operator="lessThanOrEqual">
      <formula>90</formula>
    </cfRule>
    <cfRule type="cellIs" dxfId="1908" priority="1911" operator="greaterThanOrEqual">
      <formula>110</formula>
    </cfRule>
  </conditionalFormatting>
  <conditionalFormatting sqref="U40">
    <cfRule type="cellIs" dxfId="1907" priority="1906" stopIfTrue="1" operator="equal">
      <formula>0</formula>
    </cfRule>
    <cfRule type="cellIs" dxfId="1906" priority="1907" operator="lessThanOrEqual">
      <formula>90</formula>
    </cfRule>
    <cfRule type="cellIs" dxfId="1905" priority="1908" operator="greaterThanOrEqual">
      <formula>110</formula>
    </cfRule>
  </conditionalFormatting>
  <conditionalFormatting sqref="U41">
    <cfRule type="cellIs" dxfId="1904" priority="1903" stopIfTrue="1" operator="equal">
      <formula>0</formula>
    </cfRule>
    <cfRule type="cellIs" dxfId="1903" priority="1904" operator="lessThanOrEqual">
      <formula>90</formula>
    </cfRule>
    <cfRule type="cellIs" dxfId="1902" priority="1905" operator="greaterThanOrEqual">
      <formula>110</formula>
    </cfRule>
  </conditionalFormatting>
  <conditionalFormatting sqref="U42">
    <cfRule type="cellIs" dxfId="1901" priority="1900" stopIfTrue="1" operator="equal">
      <formula>0</formula>
    </cfRule>
    <cfRule type="cellIs" dxfId="1900" priority="1901" operator="lessThanOrEqual">
      <formula>90</formula>
    </cfRule>
    <cfRule type="cellIs" dxfId="1899" priority="1902" operator="greaterThanOrEqual">
      <formula>110</formula>
    </cfRule>
  </conditionalFormatting>
  <conditionalFormatting sqref="U43">
    <cfRule type="cellIs" dxfId="1898" priority="1897" stopIfTrue="1" operator="equal">
      <formula>0</formula>
    </cfRule>
    <cfRule type="cellIs" dxfId="1897" priority="1898" operator="lessThanOrEqual">
      <formula>90</formula>
    </cfRule>
    <cfRule type="cellIs" dxfId="1896" priority="1899" operator="greaterThanOrEqual">
      <formula>110</formula>
    </cfRule>
  </conditionalFormatting>
  <conditionalFormatting sqref="U44">
    <cfRule type="cellIs" dxfId="1895" priority="1894" stopIfTrue="1" operator="equal">
      <formula>0</formula>
    </cfRule>
    <cfRule type="cellIs" dxfId="1894" priority="1895" operator="lessThanOrEqual">
      <formula>90</formula>
    </cfRule>
    <cfRule type="cellIs" dxfId="1893" priority="1896" operator="greaterThanOrEqual">
      <formula>110</formula>
    </cfRule>
  </conditionalFormatting>
  <conditionalFormatting sqref="U45">
    <cfRule type="cellIs" dxfId="1892" priority="1891" stopIfTrue="1" operator="equal">
      <formula>0</formula>
    </cfRule>
    <cfRule type="cellIs" dxfId="1891" priority="1892" operator="lessThanOrEqual">
      <formula>90</formula>
    </cfRule>
    <cfRule type="cellIs" dxfId="1890" priority="1893" operator="greaterThanOrEqual">
      <formula>110</formula>
    </cfRule>
  </conditionalFormatting>
  <conditionalFormatting sqref="U46">
    <cfRule type="cellIs" dxfId="1889" priority="1888" stopIfTrue="1" operator="equal">
      <formula>0</formula>
    </cfRule>
    <cfRule type="cellIs" dxfId="1888" priority="1889" operator="lessThanOrEqual">
      <formula>90</formula>
    </cfRule>
    <cfRule type="cellIs" dxfId="1887" priority="1890" operator="greaterThanOrEqual">
      <formula>110</formula>
    </cfRule>
  </conditionalFormatting>
  <conditionalFormatting sqref="U47">
    <cfRule type="cellIs" dxfId="1886" priority="1885" stopIfTrue="1" operator="equal">
      <formula>0</formula>
    </cfRule>
    <cfRule type="cellIs" dxfId="1885" priority="1886" operator="lessThanOrEqual">
      <formula>90</formula>
    </cfRule>
    <cfRule type="cellIs" dxfId="1884" priority="1887" operator="greaterThanOrEqual">
      <formula>110</formula>
    </cfRule>
  </conditionalFormatting>
  <conditionalFormatting sqref="U48">
    <cfRule type="cellIs" dxfId="1883" priority="1882" stopIfTrue="1" operator="equal">
      <formula>0</formula>
    </cfRule>
    <cfRule type="cellIs" dxfId="1882" priority="1883" operator="lessThanOrEqual">
      <formula>90</formula>
    </cfRule>
    <cfRule type="cellIs" dxfId="1881" priority="1884" operator="greaterThanOrEqual">
      <formula>110</formula>
    </cfRule>
  </conditionalFormatting>
  <conditionalFormatting sqref="U49">
    <cfRule type="cellIs" dxfId="1880" priority="1879" stopIfTrue="1" operator="equal">
      <formula>0</formula>
    </cfRule>
    <cfRule type="cellIs" dxfId="1879" priority="1880" operator="lessThanOrEqual">
      <formula>90</formula>
    </cfRule>
    <cfRule type="cellIs" dxfId="1878" priority="1881" operator="greaterThanOrEqual">
      <formula>110</formula>
    </cfRule>
  </conditionalFormatting>
  <conditionalFormatting sqref="U50">
    <cfRule type="cellIs" dxfId="1877" priority="1876" stopIfTrue="1" operator="equal">
      <formula>0</formula>
    </cfRule>
    <cfRule type="cellIs" dxfId="1876" priority="1877" operator="lessThanOrEqual">
      <formula>90</formula>
    </cfRule>
    <cfRule type="cellIs" dxfId="1875" priority="1878" operator="greaterThanOrEqual">
      <formula>110</formula>
    </cfRule>
  </conditionalFormatting>
  <conditionalFormatting sqref="U51">
    <cfRule type="cellIs" dxfId="1874" priority="1873" stopIfTrue="1" operator="equal">
      <formula>0</formula>
    </cfRule>
    <cfRule type="cellIs" dxfId="1873" priority="1874" operator="lessThanOrEqual">
      <formula>90</formula>
    </cfRule>
    <cfRule type="cellIs" dxfId="1872" priority="1875" operator="greaterThanOrEqual">
      <formula>110</formula>
    </cfRule>
  </conditionalFormatting>
  <conditionalFormatting sqref="U52">
    <cfRule type="cellIs" dxfId="1871" priority="1870" stopIfTrue="1" operator="equal">
      <formula>0</formula>
    </cfRule>
    <cfRule type="cellIs" dxfId="1870" priority="1871" operator="lessThanOrEqual">
      <formula>90</formula>
    </cfRule>
    <cfRule type="cellIs" dxfId="1869" priority="1872" operator="greaterThanOrEqual">
      <formula>110</formula>
    </cfRule>
  </conditionalFormatting>
  <conditionalFormatting sqref="U53">
    <cfRule type="cellIs" dxfId="1868" priority="1867" stopIfTrue="1" operator="equal">
      <formula>0</formula>
    </cfRule>
    <cfRule type="cellIs" dxfId="1867" priority="1868" operator="lessThanOrEqual">
      <formula>90</formula>
    </cfRule>
    <cfRule type="cellIs" dxfId="1866" priority="1869" operator="greaterThanOrEqual">
      <formula>110</formula>
    </cfRule>
  </conditionalFormatting>
  <conditionalFormatting sqref="U54">
    <cfRule type="cellIs" dxfId="1865" priority="1864" stopIfTrue="1" operator="equal">
      <formula>0</formula>
    </cfRule>
    <cfRule type="cellIs" dxfId="1864" priority="1865" operator="lessThanOrEqual">
      <formula>90</formula>
    </cfRule>
    <cfRule type="cellIs" dxfId="1863" priority="1866" operator="greaterThanOrEqual">
      <formula>110</formula>
    </cfRule>
  </conditionalFormatting>
  <conditionalFormatting sqref="U55">
    <cfRule type="cellIs" dxfId="1862" priority="1861" stopIfTrue="1" operator="equal">
      <formula>0</formula>
    </cfRule>
    <cfRule type="cellIs" dxfId="1861" priority="1862" operator="lessThanOrEqual">
      <formula>90</formula>
    </cfRule>
    <cfRule type="cellIs" dxfId="1860" priority="1863" operator="greaterThanOrEqual">
      <formula>110</formula>
    </cfRule>
  </conditionalFormatting>
  <conditionalFormatting sqref="U56">
    <cfRule type="cellIs" dxfId="1859" priority="1858" stopIfTrue="1" operator="equal">
      <formula>0</formula>
    </cfRule>
    <cfRule type="cellIs" dxfId="1858" priority="1859" operator="lessThanOrEqual">
      <formula>90</formula>
    </cfRule>
    <cfRule type="cellIs" dxfId="1857" priority="1860" operator="greaterThanOrEqual">
      <formula>110</formula>
    </cfRule>
  </conditionalFormatting>
  <conditionalFormatting sqref="U57">
    <cfRule type="cellIs" dxfId="1856" priority="1855" stopIfTrue="1" operator="equal">
      <formula>0</formula>
    </cfRule>
    <cfRule type="cellIs" dxfId="1855" priority="1856" operator="lessThanOrEqual">
      <formula>90</formula>
    </cfRule>
    <cfRule type="cellIs" dxfId="1854" priority="1857" operator="greaterThanOrEqual">
      <formula>110</formula>
    </cfRule>
  </conditionalFormatting>
  <conditionalFormatting sqref="U58">
    <cfRule type="cellIs" dxfId="1853" priority="1852" stopIfTrue="1" operator="equal">
      <formula>0</formula>
    </cfRule>
    <cfRule type="cellIs" dxfId="1852" priority="1853" operator="lessThanOrEqual">
      <formula>90</formula>
    </cfRule>
    <cfRule type="cellIs" dxfId="1851" priority="1854" operator="greaterThanOrEqual">
      <formula>110</formula>
    </cfRule>
  </conditionalFormatting>
  <conditionalFormatting sqref="U59">
    <cfRule type="cellIs" dxfId="1850" priority="1849" stopIfTrue="1" operator="equal">
      <formula>0</formula>
    </cfRule>
    <cfRule type="cellIs" dxfId="1849" priority="1850" operator="lessThanOrEqual">
      <formula>90</formula>
    </cfRule>
    <cfRule type="cellIs" dxfId="1848" priority="1851" operator="greaterThanOrEqual">
      <formula>110</formula>
    </cfRule>
  </conditionalFormatting>
  <conditionalFormatting sqref="U60">
    <cfRule type="cellIs" dxfId="1847" priority="1846" stopIfTrue="1" operator="equal">
      <formula>0</formula>
    </cfRule>
    <cfRule type="cellIs" dxfId="1846" priority="1847" operator="lessThanOrEqual">
      <formula>90</formula>
    </cfRule>
    <cfRule type="cellIs" dxfId="1845" priority="1848" operator="greaterThanOrEqual">
      <formula>110</formula>
    </cfRule>
  </conditionalFormatting>
  <conditionalFormatting sqref="U61">
    <cfRule type="cellIs" dxfId="1844" priority="1843" stopIfTrue="1" operator="equal">
      <formula>0</formula>
    </cfRule>
    <cfRule type="cellIs" dxfId="1843" priority="1844" operator="lessThanOrEqual">
      <formula>90</formula>
    </cfRule>
    <cfRule type="cellIs" dxfId="1842" priority="1845" operator="greaterThanOrEqual">
      <formula>110</formula>
    </cfRule>
  </conditionalFormatting>
  <conditionalFormatting sqref="U62">
    <cfRule type="cellIs" dxfId="1841" priority="1840" stopIfTrue="1" operator="equal">
      <formula>0</formula>
    </cfRule>
    <cfRule type="cellIs" dxfId="1840" priority="1841" operator="lessThanOrEqual">
      <formula>90</formula>
    </cfRule>
    <cfRule type="cellIs" dxfId="1839" priority="1842" operator="greaterThanOrEqual">
      <formula>110</formula>
    </cfRule>
  </conditionalFormatting>
  <conditionalFormatting sqref="U63">
    <cfRule type="cellIs" dxfId="1838" priority="1837" stopIfTrue="1" operator="equal">
      <formula>0</formula>
    </cfRule>
    <cfRule type="cellIs" dxfId="1837" priority="1838" operator="lessThanOrEqual">
      <formula>90</formula>
    </cfRule>
    <cfRule type="cellIs" dxfId="1836" priority="1839" operator="greaterThanOrEqual">
      <formula>110</formula>
    </cfRule>
  </conditionalFormatting>
  <conditionalFormatting sqref="U64">
    <cfRule type="cellIs" dxfId="1835" priority="1834" stopIfTrue="1" operator="equal">
      <formula>0</formula>
    </cfRule>
    <cfRule type="cellIs" dxfId="1834" priority="1835" operator="lessThanOrEqual">
      <formula>90</formula>
    </cfRule>
    <cfRule type="cellIs" dxfId="1833" priority="1836" operator="greaterThanOrEqual">
      <formula>110</formula>
    </cfRule>
  </conditionalFormatting>
  <conditionalFormatting sqref="U65">
    <cfRule type="cellIs" dxfId="1832" priority="1831" stopIfTrue="1" operator="equal">
      <formula>0</formula>
    </cfRule>
    <cfRule type="cellIs" dxfId="1831" priority="1832" operator="lessThanOrEqual">
      <formula>90</formula>
    </cfRule>
    <cfRule type="cellIs" dxfId="1830" priority="1833" operator="greaterThanOrEqual">
      <formula>110</formula>
    </cfRule>
  </conditionalFormatting>
  <conditionalFormatting sqref="V5">
    <cfRule type="cellIs" dxfId="1829" priority="1828" stopIfTrue="1" operator="equal">
      <formula>0</formula>
    </cfRule>
    <cfRule type="cellIs" dxfId="1828" priority="1829" operator="lessThanOrEqual">
      <formula>90</formula>
    </cfRule>
    <cfRule type="cellIs" dxfId="1827" priority="1830" operator="greaterThanOrEqual">
      <formula>110</formula>
    </cfRule>
  </conditionalFormatting>
  <conditionalFormatting sqref="V6">
    <cfRule type="cellIs" dxfId="1826" priority="1825" stopIfTrue="1" operator="equal">
      <formula>0</formula>
    </cfRule>
    <cfRule type="cellIs" dxfId="1825" priority="1826" operator="lessThanOrEqual">
      <formula>90</formula>
    </cfRule>
    <cfRule type="cellIs" dxfId="1824" priority="1827" operator="greaterThanOrEqual">
      <formula>110</formula>
    </cfRule>
  </conditionalFormatting>
  <conditionalFormatting sqref="V7">
    <cfRule type="cellIs" dxfId="1823" priority="1822" stopIfTrue="1" operator="equal">
      <formula>0</formula>
    </cfRule>
    <cfRule type="cellIs" dxfId="1822" priority="1823" operator="lessThanOrEqual">
      <formula>90</formula>
    </cfRule>
    <cfRule type="cellIs" dxfId="1821" priority="1824" operator="greaterThanOrEqual">
      <formula>110</formula>
    </cfRule>
  </conditionalFormatting>
  <conditionalFormatting sqref="V8">
    <cfRule type="cellIs" dxfId="1820" priority="1819" stopIfTrue="1" operator="equal">
      <formula>0</formula>
    </cfRule>
    <cfRule type="cellIs" dxfId="1819" priority="1820" operator="lessThanOrEqual">
      <formula>90</formula>
    </cfRule>
    <cfRule type="cellIs" dxfId="1818" priority="1821" operator="greaterThanOrEqual">
      <formula>110</formula>
    </cfRule>
  </conditionalFormatting>
  <conditionalFormatting sqref="V9">
    <cfRule type="cellIs" dxfId="1817" priority="1816" stopIfTrue="1" operator="equal">
      <formula>0</formula>
    </cfRule>
    <cfRule type="cellIs" dxfId="1816" priority="1817" operator="lessThanOrEqual">
      <formula>90</formula>
    </cfRule>
    <cfRule type="cellIs" dxfId="1815" priority="1818" operator="greaterThanOrEqual">
      <formula>110</formula>
    </cfRule>
  </conditionalFormatting>
  <conditionalFormatting sqref="V10">
    <cfRule type="cellIs" dxfId="1814" priority="1813" stopIfTrue="1" operator="equal">
      <formula>0</formula>
    </cfRule>
    <cfRule type="cellIs" dxfId="1813" priority="1814" operator="lessThanOrEqual">
      <formula>90</formula>
    </cfRule>
    <cfRule type="cellIs" dxfId="1812" priority="1815" operator="greaterThanOrEqual">
      <formula>110</formula>
    </cfRule>
  </conditionalFormatting>
  <conditionalFormatting sqref="V11">
    <cfRule type="cellIs" dxfId="1811" priority="1810" stopIfTrue="1" operator="equal">
      <formula>0</formula>
    </cfRule>
    <cfRule type="cellIs" dxfId="1810" priority="1811" operator="lessThanOrEqual">
      <formula>90</formula>
    </cfRule>
    <cfRule type="cellIs" dxfId="1809" priority="1812" operator="greaterThanOrEqual">
      <formula>110</formula>
    </cfRule>
  </conditionalFormatting>
  <conditionalFormatting sqref="V12">
    <cfRule type="cellIs" dxfId="1808" priority="1807" stopIfTrue="1" operator="equal">
      <formula>0</formula>
    </cfRule>
    <cfRule type="cellIs" dxfId="1807" priority="1808" operator="lessThanOrEqual">
      <formula>90</formula>
    </cfRule>
    <cfRule type="cellIs" dxfId="1806" priority="1809" operator="greaterThanOrEqual">
      <formula>110</formula>
    </cfRule>
  </conditionalFormatting>
  <conditionalFormatting sqref="V13">
    <cfRule type="cellIs" dxfId="1805" priority="1804" stopIfTrue="1" operator="equal">
      <formula>0</formula>
    </cfRule>
    <cfRule type="cellIs" dxfId="1804" priority="1805" operator="lessThanOrEqual">
      <formula>90</formula>
    </cfRule>
    <cfRule type="cellIs" dxfId="1803" priority="1806" operator="greaterThanOrEqual">
      <formula>110</formula>
    </cfRule>
  </conditionalFormatting>
  <conditionalFormatting sqref="V14">
    <cfRule type="cellIs" dxfId="1802" priority="1801" stopIfTrue="1" operator="equal">
      <formula>0</formula>
    </cfRule>
    <cfRule type="cellIs" dxfId="1801" priority="1802" operator="lessThanOrEqual">
      <formula>90</formula>
    </cfRule>
    <cfRule type="cellIs" dxfId="1800" priority="1803" operator="greaterThanOrEqual">
      <formula>110</formula>
    </cfRule>
  </conditionalFormatting>
  <conditionalFormatting sqref="V15">
    <cfRule type="cellIs" dxfId="1799" priority="1798" stopIfTrue="1" operator="equal">
      <formula>0</formula>
    </cfRule>
    <cfRule type="cellIs" dxfId="1798" priority="1799" operator="lessThanOrEqual">
      <formula>90</formula>
    </cfRule>
    <cfRule type="cellIs" dxfId="1797" priority="1800" operator="greaterThanOrEqual">
      <formula>110</formula>
    </cfRule>
  </conditionalFormatting>
  <conditionalFormatting sqref="V16">
    <cfRule type="cellIs" dxfId="1796" priority="1795" stopIfTrue="1" operator="equal">
      <formula>0</formula>
    </cfRule>
    <cfRule type="cellIs" dxfId="1795" priority="1796" operator="lessThanOrEqual">
      <formula>90</formula>
    </cfRule>
    <cfRule type="cellIs" dxfId="1794" priority="1797" operator="greaterThanOrEqual">
      <formula>110</formula>
    </cfRule>
  </conditionalFormatting>
  <conditionalFormatting sqref="V17">
    <cfRule type="cellIs" dxfId="1793" priority="1792" stopIfTrue="1" operator="equal">
      <formula>0</formula>
    </cfRule>
    <cfRule type="cellIs" dxfId="1792" priority="1793" operator="lessThanOrEqual">
      <formula>90</formula>
    </cfRule>
    <cfRule type="cellIs" dxfId="1791" priority="1794" operator="greaterThanOrEqual">
      <formula>110</formula>
    </cfRule>
  </conditionalFormatting>
  <conditionalFormatting sqref="V18">
    <cfRule type="cellIs" dxfId="1790" priority="1789" stopIfTrue="1" operator="equal">
      <formula>0</formula>
    </cfRule>
    <cfRule type="cellIs" dxfId="1789" priority="1790" operator="lessThanOrEqual">
      <formula>90</formula>
    </cfRule>
    <cfRule type="cellIs" dxfId="1788" priority="1791" operator="greaterThanOrEqual">
      <formula>110</formula>
    </cfRule>
  </conditionalFormatting>
  <conditionalFormatting sqref="V19">
    <cfRule type="cellIs" dxfId="1787" priority="1786" stopIfTrue="1" operator="equal">
      <formula>0</formula>
    </cfRule>
    <cfRule type="cellIs" dxfId="1786" priority="1787" operator="lessThanOrEqual">
      <formula>90</formula>
    </cfRule>
    <cfRule type="cellIs" dxfId="1785" priority="1788" operator="greaterThanOrEqual">
      <formula>110</formula>
    </cfRule>
  </conditionalFormatting>
  <conditionalFormatting sqref="V20">
    <cfRule type="cellIs" dxfId="1784" priority="1783" stopIfTrue="1" operator="equal">
      <formula>0</formula>
    </cfRule>
    <cfRule type="cellIs" dxfId="1783" priority="1784" operator="lessThanOrEqual">
      <formula>90</formula>
    </cfRule>
    <cfRule type="cellIs" dxfId="1782" priority="1785" operator="greaterThanOrEqual">
      <formula>110</formula>
    </cfRule>
  </conditionalFormatting>
  <conditionalFormatting sqref="V21">
    <cfRule type="cellIs" dxfId="1781" priority="1780" stopIfTrue="1" operator="equal">
      <formula>0</formula>
    </cfRule>
    <cfRule type="cellIs" dxfId="1780" priority="1781" operator="lessThanOrEqual">
      <formula>90</formula>
    </cfRule>
    <cfRule type="cellIs" dxfId="1779" priority="1782" operator="greaterThanOrEqual">
      <formula>110</formula>
    </cfRule>
  </conditionalFormatting>
  <conditionalFormatting sqref="V22">
    <cfRule type="cellIs" dxfId="1778" priority="1777" stopIfTrue="1" operator="equal">
      <formula>0</formula>
    </cfRule>
    <cfRule type="cellIs" dxfId="1777" priority="1778" operator="lessThanOrEqual">
      <formula>90</formula>
    </cfRule>
    <cfRule type="cellIs" dxfId="1776" priority="1779" operator="greaterThanOrEqual">
      <formula>110</formula>
    </cfRule>
  </conditionalFormatting>
  <conditionalFormatting sqref="V23">
    <cfRule type="cellIs" dxfId="1775" priority="1774" stopIfTrue="1" operator="equal">
      <formula>0</formula>
    </cfRule>
    <cfRule type="cellIs" dxfId="1774" priority="1775" operator="lessThanOrEqual">
      <formula>90</formula>
    </cfRule>
    <cfRule type="cellIs" dxfId="1773" priority="1776" operator="greaterThanOrEqual">
      <formula>110</formula>
    </cfRule>
  </conditionalFormatting>
  <conditionalFormatting sqref="V24">
    <cfRule type="cellIs" dxfId="1772" priority="1771" stopIfTrue="1" operator="equal">
      <formula>0</formula>
    </cfRule>
    <cfRule type="cellIs" dxfId="1771" priority="1772" operator="lessThanOrEqual">
      <formula>90</formula>
    </cfRule>
    <cfRule type="cellIs" dxfId="1770" priority="1773" operator="greaterThanOrEqual">
      <formula>110</formula>
    </cfRule>
  </conditionalFormatting>
  <conditionalFormatting sqref="V25">
    <cfRule type="cellIs" dxfId="1769" priority="1768" stopIfTrue="1" operator="equal">
      <formula>0</formula>
    </cfRule>
    <cfRule type="cellIs" dxfId="1768" priority="1769" operator="lessThanOrEqual">
      <formula>90</formula>
    </cfRule>
    <cfRule type="cellIs" dxfId="1767" priority="1770" operator="greaterThanOrEqual">
      <formula>110</formula>
    </cfRule>
  </conditionalFormatting>
  <conditionalFormatting sqref="V26">
    <cfRule type="cellIs" dxfId="1766" priority="1765" stopIfTrue="1" operator="equal">
      <formula>0</formula>
    </cfRule>
    <cfRule type="cellIs" dxfId="1765" priority="1766" operator="lessThanOrEqual">
      <formula>90</formula>
    </cfRule>
    <cfRule type="cellIs" dxfId="1764" priority="1767" operator="greaterThanOrEqual">
      <formula>110</formula>
    </cfRule>
  </conditionalFormatting>
  <conditionalFormatting sqref="V27">
    <cfRule type="cellIs" dxfId="1763" priority="1762" stopIfTrue="1" operator="equal">
      <formula>0</formula>
    </cfRule>
    <cfRule type="cellIs" dxfId="1762" priority="1763" operator="lessThanOrEqual">
      <formula>90</formula>
    </cfRule>
    <cfRule type="cellIs" dxfId="1761" priority="1764" operator="greaterThanOrEqual">
      <formula>110</formula>
    </cfRule>
  </conditionalFormatting>
  <conditionalFormatting sqref="V28">
    <cfRule type="cellIs" dxfId="1760" priority="1759" stopIfTrue="1" operator="equal">
      <formula>0</formula>
    </cfRule>
    <cfRule type="cellIs" dxfId="1759" priority="1760" operator="lessThanOrEqual">
      <formula>90</formula>
    </cfRule>
    <cfRule type="cellIs" dxfId="1758" priority="1761" operator="greaterThanOrEqual">
      <formula>110</formula>
    </cfRule>
  </conditionalFormatting>
  <conditionalFormatting sqref="V29">
    <cfRule type="cellIs" dxfId="1757" priority="1756" stopIfTrue="1" operator="equal">
      <formula>0</formula>
    </cfRule>
    <cfRule type="cellIs" dxfId="1756" priority="1757" operator="lessThanOrEqual">
      <formula>90</formula>
    </cfRule>
    <cfRule type="cellIs" dxfId="1755" priority="1758" operator="greaterThanOrEqual">
      <formula>110</formula>
    </cfRule>
  </conditionalFormatting>
  <conditionalFormatting sqref="V30">
    <cfRule type="cellIs" dxfId="1754" priority="1753" stopIfTrue="1" operator="equal">
      <formula>0</formula>
    </cfRule>
    <cfRule type="cellIs" dxfId="1753" priority="1754" operator="lessThanOrEqual">
      <formula>90</formula>
    </cfRule>
    <cfRule type="cellIs" dxfId="1752" priority="1755" operator="greaterThanOrEqual">
      <formula>110</formula>
    </cfRule>
  </conditionalFormatting>
  <conditionalFormatting sqref="V31">
    <cfRule type="cellIs" dxfId="1751" priority="1750" stopIfTrue="1" operator="equal">
      <formula>0</formula>
    </cfRule>
    <cfRule type="cellIs" dxfId="1750" priority="1751" operator="lessThanOrEqual">
      <formula>90</formula>
    </cfRule>
    <cfRule type="cellIs" dxfId="1749" priority="1752" operator="greaterThanOrEqual">
      <formula>110</formula>
    </cfRule>
  </conditionalFormatting>
  <conditionalFormatting sqref="V32">
    <cfRule type="cellIs" dxfId="1748" priority="1747" stopIfTrue="1" operator="equal">
      <formula>0</formula>
    </cfRule>
    <cfRule type="cellIs" dxfId="1747" priority="1748" operator="lessThanOrEqual">
      <formula>90</formula>
    </cfRule>
    <cfRule type="cellIs" dxfId="1746" priority="1749" operator="greaterThanOrEqual">
      <formula>110</formula>
    </cfRule>
  </conditionalFormatting>
  <conditionalFormatting sqref="V33">
    <cfRule type="cellIs" dxfId="1745" priority="1744" stopIfTrue="1" operator="equal">
      <formula>0</formula>
    </cfRule>
    <cfRule type="cellIs" dxfId="1744" priority="1745" operator="lessThanOrEqual">
      <formula>90</formula>
    </cfRule>
    <cfRule type="cellIs" dxfId="1743" priority="1746" operator="greaterThanOrEqual">
      <formula>110</formula>
    </cfRule>
  </conditionalFormatting>
  <conditionalFormatting sqref="V34">
    <cfRule type="cellIs" dxfId="1742" priority="1741" stopIfTrue="1" operator="equal">
      <formula>0</formula>
    </cfRule>
    <cfRule type="cellIs" dxfId="1741" priority="1742" operator="lessThanOrEqual">
      <formula>90</formula>
    </cfRule>
    <cfRule type="cellIs" dxfId="1740" priority="1743" operator="greaterThanOrEqual">
      <formula>110</formula>
    </cfRule>
  </conditionalFormatting>
  <conditionalFormatting sqref="V35">
    <cfRule type="cellIs" dxfId="1739" priority="1738" stopIfTrue="1" operator="equal">
      <formula>0</formula>
    </cfRule>
    <cfRule type="cellIs" dxfId="1738" priority="1739" operator="lessThanOrEqual">
      <formula>90</formula>
    </cfRule>
    <cfRule type="cellIs" dxfId="1737" priority="1740" operator="greaterThanOrEqual">
      <formula>110</formula>
    </cfRule>
  </conditionalFormatting>
  <conditionalFormatting sqref="V36">
    <cfRule type="cellIs" dxfId="1736" priority="1735" stopIfTrue="1" operator="equal">
      <formula>0</formula>
    </cfRule>
    <cfRule type="cellIs" dxfId="1735" priority="1736" operator="lessThanOrEqual">
      <formula>90</formula>
    </cfRule>
    <cfRule type="cellIs" dxfId="1734" priority="1737" operator="greaterThanOrEqual">
      <formula>110</formula>
    </cfRule>
  </conditionalFormatting>
  <conditionalFormatting sqref="V37">
    <cfRule type="cellIs" dxfId="1733" priority="1732" stopIfTrue="1" operator="equal">
      <formula>0</formula>
    </cfRule>
    <cfRule type="cellIs" dxfId="1732" priority="1733" operator="lessThanOrEqual">
      <formula>90</formula>
    </cfRule>
    <cfRule type="cellIs" dxfId="1731" priority="1734" operator="greaterThanOrEqual">
      <formula>110</formula>
    </cfRule>
  </conditionalFormatting>
  <conditionalFormatting sqref="V38">
    <cfRule type="cellIs" dxfId="1730" priority="1729" stopIfTrue="1" operator="equal">
      <formula>0</formula>
    </cfRule>
    <cfRule type="cellIs" dxfId="1729" priority="1730" operator="lessThanOrEqual">
      <formula>90</formula>
    </cfRule>
    <cfRule type="cellIs" dxfId="1728" priority="1731" operator="greaterThanOrEqual">
      <formula>110</formula>
    </cfRule>
  </conditionalFormatting>
  <conditionalFormatting sqref="V39">
    <cfRule type="cellIs" dxfId="1727" priority="1726" stopIfTrue="1" operator="equal">
      <formula>0</formula>
    </cfRule>
    <cfRule type="cellIs" dxfId="1726" priority="1727" operator="lessThanOrEqual">
      <formula>90</formula>
    </cfRule>
    <cfRule type="cellIs" dxfId="1725" priority="1728" operator="greaterThanOrEqual">
      <formula>110</formula>
    </cfRule>
  </conditionalFormatting>
  <conditionalFormatting sqref="V40">
    <cfRule type="cellIs" dxfId="1724" priority="1723" stopIfTrue="1" operator="equal">
      <formula>0</formula>
    </cfRule>
    <cfRule type="cellIs" dxfId="1723" priority="1724" operator="lessThanOrEqual">
      <formula>90</formula>
    </cfRule>
    <cfRule type="cellIs" dxfId="1722" priority="1725" operator="greaterThanOrEqual">
      <formula>110</formula>
    </cfRule>
  </conditionalFormatting>
  <conditionalFormatting sqref="V41">
    <cfRule type="cellIs" dxfId="1721" priority="1720" stopIfTrue="1" operator="equal">
      <formula>0</formula>
    </cfRule>
    <cfRule type="cellIs" dxfId="1720" priority="1721" operator="lessThanOrEqual">
      <formula>90</formula>
    </cfRule>
    <cfRule type="cellIs" dxfId="1719" priority="1722" operator="greaterThanOrEqual">
      <formula>110</formula>
    </cfRule>
  </conditionalFormatting>
  <conditionalFormatting sqref="V42">
    <cfRule type="cellIs" dxfId="1718" priority="1717" stopIfTrue="1" operator="equal">
      <formula>0</formula>
    </cfRule>
    <cfRule type="cellIs" dxfId="1717" priority="1718" operator="lessThanOrEqual">
      <formula>90</formula>
    </cfRule>
    <cfRule type="cellIs" dxfId="1716" priority="1719" operator="greaterThanOrEqual">
      <formula>110</formula>
    </cfRule>
  </conditionalFormatting>
  <conditionalFormatting sqref="V43">
    <cfRule type="cellIs" dxfId="1715" priority="1714" stopIfTrue="1" operator="equal">
      <formula>0</formula>
    </cfRule>
    <cfRule type="cellIs" dxfId="1714" priority="1715" operator="lessThanOrEqual">
      <formula>90</formula>
    </cfRule>
    <cfRule type="cellIs" dxfId="1713" priority="1716" operator="greaterThanOrEqual">
      <formula>110</formula>
    </cfRule>
  </conditionalFormatting>
  <conditionalFormatting sqref="V44">
    <cfRule type="cellIs" dxfId="1712" priority="1711" stopIfTrue="1" operator="equal">
      <formula>0</formula>
    </cfRule>
    <cfRule type="cellIs" dxfId="1711" priority="1712" operator="lessThanOrEqual">
      <formula>90</formula>
    </cfRule>
    <cfRule type="cellIs" dxfId="1710" priority="1713" operator="greaterThanOrEqual">
      <formula>110</formula>
    </cfRule>
  </conditionalFormatting>
  <conditionalFormatting sqref="V45">
    <cfRule type="cellIs" dxfId="1709" priority="1708" stopIfTrue="1" operator="equal">
      <formula>0</formula>
    </cfRule>
    <cfRule type="cellIs" dxfId="1708" priority="1709" operator="lessThanOrEqual">
      <formula>90</formula>
    </cfRule>
    <cfRule type="cellIs" dxfId="1707" priority="1710" operator="greaterThanOrEqual">
      <formula>110</formula>
    </cfRule>
  </conditionalFormatting>
  <conditionalFormatting sqref="V46">
    <cfRule type="cellIs" dxfId="1706" priority="1705" stopIfTrue="1" operator="equal">
      <formula>0</formula>
    </cfRule>
    <cfRule type="cellIs" dxfId="1705" priority="1706" operator="lessThanOrEqual">
      <formula>90</formula>
    </cfRule>
    <cfRule type="cellIs" dxfId="1704" priority="1707" operator="greaterThanOrEqual">
      <formula>110</formula>
    </cfRule>
  </conditionalFormatting>
  <conditionalFormatting sqref="V47">
    <cfRule type="cellIs" dxfId="1703" priority="1702" stopIfTrue="1" operator="equal">
      <formula>0</formula>
    </cfRule>
    <cfRule type="cellIs" dxfId="1702" priority="1703" operator="lessThanOrEqual">
      <formula>90</formula>
    </cfRule>
    <cfRule type="cellIs" dxfId="1701" priority="1704" operator="greaterThanOrEqual">
      <formula>110</formula>
    </cfRule>
  </conditionalFormatting>
  <conditionalFormatting sqref="V48">
    <cfRule type="cellIs" dxfId="1700" priority="1699" stopIfTrue="1" operator="equal">
      <formula>0</formula>
    </cfRule>
    <cfRule type="cellIs" dxfId="1699" priority="1700" operator="lessThanOrEqual">
      <formula>90</formula>
    </cfRule>
    <cfRule type="cellIs" dxfId="1698" priority="1701" operator="greaterThanOrEqual">
      <formula>110</formula>
    </cfRule>
  </conditionalFormatting>
  <conditionalFormatting sqref="V49">
    <cfRule type="cellIs" dxfId="1697" priority="1696" stopIfTrue="1" operator="equal">
      <formula>0</formula>
    </cfRule>
    <cfRule type="cellIs" dxfId="1696" priority="1697" operator="lessThanOrEqual">
      <formula>90</formula>
    </cfRule>
    <cfRule type="cellIs" dxfId="1695" priority="1698" operator="greaterThanOrEqual">
      <formula>110</formula>
    </cfRule>
  </conditionalFormatting>
  <conditionalFormatting sqref="V50">
    <cfRule type="cellIs" dxfId="1694" priority="1693" stopIfTrue="1" operator="equal">
      <formula>0</formula>
    </cfRule>
    <cfRule type="cellIs" dxfId="1693" priority="1694" operator="lessThanOrEqual">
      <formula>90</formula>
    </cfRule>
    <cfRule type="cellIs" dxfId="1692" priority="1695" operator="greaterThanOrEqual">
      <formula>110</formula>
    </cfRule>
  </conditionalFormatting>
  <conditionalFormatting sqref="V51">
    <cfRule type="cellIs" dxfId="1691" priority="1690" stopIfTrue="1" operator="equal">
      <formula>0</formula>
    </cfRule>
    <cfRule type="cellIs" dxfId="1690" priority="1691" operator="lessThanOrEqual">
      <formula>90</formula>
    </cfRule>
    <cfRule type="cellIs" dxfId="1689" priority="1692" operator="greaterThanOrEqual">
      <formula>110</formula>
    </cfRule>
  </conditionalFormatting>
  <conditionalFormatting sqref="V52">
    <cfRule type="cellIs" dxfId="1688" priority="1687" stopIfTrue="1" operator="equal">
      <formula>0</formula>
    </cfRule>
    <cfRule type="cellIs" dxfId="1687" priority="1688" operator="lessThanOrEqual">
      <formula>90</formula>
    </cfRule>
    <cfRule type="cellIs" dxfId="1686" priority="1689" operator="greaterThanOrEqual">
      <formula>110</formula>
    </cfRule>
  </conditionalFormatting>
  <conditionalFormatting sqref="V53">
    <cfRule type="cellIs" dxfId="1685" priority="1684" stopIfTrue="1" operator="equal">
      <formula>0</formula>
    </cfRule>
    <cfRule type="cellIs" dxfId="1684" priority="1685" operator="lessThanOrEqual">
      <formula>90</formula>
    </cfRule>
    <cfRule type="cellIs" dxfId="1683" priority="1686" operator="greaterThanOrEqual">
      <formula>110</formula>
    </cfRule>
  </conditionalFormatting>
  <conditionalFormatting sqref="V54">
    <cfRule type="cellIs" dxfId="1682" priority="1681" stopIfTrue="1" operator="equal">
      <formula>0</formula>
    </cfRule>
    <cfRule type="cellIs" dxfId="1681" priority="1682" operator="lessThanOrEqual">
      <formula>90</formula>
    </cfRule>
    <cfRule type="cellIs" dxfId="1680" priority="1683" operator="greaterThanOrEqual">
      <formula>110</formula>
    </cfRule>
  </conditionalFormatting>
  <conditionalFormatting sqref="V55">
    <cfRule type="cellIs" dxfId="1679" priority="1678" stopIfTrue="1" operator="equal">
      <formula>0</formula>
    </cfRule>
    <cfRule type="cellIs" dxfId="1678" priority="1679" operator="lessThanOrEqual">
      <formula>90</formula>
    </cfRule>
    <cfRule type="cellIs" dxfId="1677" priority="1680" operator="greaterThanOrEqual">
      <formula>110</formula>
    </cfRule>
  </conditionalFormatting>
  <conditionalFormatting sqref="V56">
    <cfRule type="cellIs" dxfId="1676" priority="1675" stopIfTrue="1" operator="equal">
      <formula>0</formula>
    </cfRule>
    <cfRule type="cellIs" dxfId="1675" priority="1676" operator="lessThanOrEqual">
      <formula>90</formula>
    </cfRule>
    <cfRule type="cellIs" dxfId="1674" priority="1677" operator="greaterThanOrEqual">
      <formula>110</formula>
    </cfRule>
  </conditionalFormatting>
  <conditionalFormatting sqref="V57">
    <cfRule type="cellIs" dxfId="1673" priority="1672" stopIfTrue="1" operator="equal">
      <formula>0</formula>
    </cfRule>
    <cfRule type="cellIs" dxfId="1672" priority="1673" operator="lessThanOrEqual">
      <formula>90</formula>
    </cfRule>
    <cfRule type="cellIs" dxfId="1671" priority="1674" operator="greaterThanOrEqual">
      <formula>110</formula>
    </cfRule>
  </conditionalFormatting>
  <conditionalFormatting sqref="V58">
    <cfRule type="cellIs" dxfId="1670" priority="1669" stopIfTrue="1" operator="equal">
      <formula>0</formula>
    </cfRule>
    <cfRule type="cellIs" dxfId="1669" priority="1670" operator="lessThanOrEqual">
      <formula>90</formula>
    </cfRule>
    <cfRule type="cellIs" dxfId="1668" priority="1671" operator="greaterThanOrEqual">
      <formula>110</formula>
    </cfRule>
  </conditionalFormatting>
  <conditionalFormatting sqref="V59">
    <cfRule type="cellIs" dxfId="1667" priority="1666" stopIfTrue="1" operator="equal">
      <formula>0</formula>
    </cfRule>
    <cfRule type="cellIs" dxfId="1666" priority="1667" operator="lessThanOrEqual">
      <formula>90</formula>
    </cfRule>
    <cfRule type="cellIs" dxfId="1665" priority="1668" operator="greaterThanOrEqual">
      <formula>110</formula>
    </cfRule>
  </conditionalFormatting>
  <conditionalFormatting sqref="V60">
    <cfRule type="cellIs" dxfId="1664" priority="1663" stopIfTrue="1" operator="equal">
      <formula>0</formula>
    </cfRule>
    <cfRule type="cellIs" dxfId="1663" priority="1664" operator="lessThanOrEqual">
      <formula>90</formula>
    </cfRule>
    <cfRule type="cellIs" dxfId="1662" priority="1665" operator="greaterThanOrEqual">
      <formula>110</formula>
    </cfRule>
  </conditionalFormatting>
  <conditionalFormatting sqref="V61">
    <cfRule type="cellIs" dxfId="1661" priority="1660" stopIfTrue="1" operator="equal">
      <formula>0</formula>
    </cfRule>
    <cfRule type="cellIs" dxfId="1660" priority="1661" operator="lessThanOrEqual">
      <formula>90</formula>
    </cfRule>
    <cfRule type="cellIs" dxfId="1659" priority="1662" operator="greaterThanOrEqual">
      <formula>110</formula>
    </cfRule>
  </conditionalFormatting>
  <conditionalFormatting sqref="V62">
    <cfRule type="cellIs" dxfId="1658" priority="1657" stopIfTrue="1" operator="equal">
      <formula>0</formula>
    </cfRule>
    <cfRule type="cellIs" dxfId="1657" priority="1658" operator="lessThanOrEqual">
      <formula>90</formula>
    </cfRule>
    <cfRule type="cellIs" dxfId="1656" priority="1659" operator="greaterThanOrEqual">
      <formula>110</formula>
    </cfRule>
  </conditionalFormatting>
  <conditionalFormatting sqref="V63">
    <cfRule type="cellIs" dxfId="1655" priority="1654" stopIfTrue="1" operator="equal">
      <formula>0</formula>
    </cfRule>
    <cfRule type="cellIs" dxfId="1654" priority="1655" operator="lessThanOrEqual">
      <formula>90</formula>
    </cfRule>
    <cfRule type="cellIs" dxfId="1653" priority="1656" operator="greaterThanOrEqual">
      <formula>110</formula>
    </cfRule>
  </conditionalFormatting>
  <conditionalFormatting sqref="V64">
    <cfRule type="cellIs" dxfId="1652" priority="1651" stopIfTrue="1" operator="equal">
      <formula>0</formula>
    </cfRule>
    <cfRule type="cellIs" dxfId="1651" priority="1652" operator="lessThanOrEqual">
      <formula>90</formula>
    </cfRule>
    <cfRule type="cellIs" dxfId="1650" priority="1653" operator="greaterThanOrEqual">
      <formula>110</formula>
    </cfRule>
  </conditionalFormatting>
  <conditionalFormatting sqref="V65">
    <cfRule type="cellIs" dxfId="1649" priority="1648" stopIfTrue="1" operator="equal">
      <formula>0</formula>
    </cfRule>
    <cfRule type="cellIs" dxfId="1648" priority="1649" operator="lessThanOrEqual">
      <formula>90</formula>
    </cfRule>
    <cfRule type="cellIs" dxfId="1647" priority="1650" operator="greaterThanOrEqual">
      <formula>110</formula>
    </cfRule>
  </conditionalFormatting>
  <conditionalFormatting sqref="W5">
    <cfRule type="cellIs" dxfId="1646" priority="1645" stopIfTrue="1" operator="equal">
      <formula>0</formula>
    </cfRule>
    <cfRule type="cellIs" dxfId="1645" priority="1646" operator="lessThanOrEqual">
      <formula>90</formula>
    </cfRule>
    <cfRule type="cellIs" dxfId="1644" priority="1647" operator="greaterThanOrEqual">
      <formula>110</formula>
    </cfRule>
  </conditionalFormatting>
  <conditionalFormatting sqref="W6">
    <cfRule type="cellIs" dxfId="1643" priority="1642" stopIfTrue="1" operator="equal">
      <formula>0</formula>
    </cfRule>
    <cfRule type="cellIs" dxfId="1642" priority="1643" operator="lessThanOrEqual">
      <formula>90</formula>
    </cfRule>
    <cfRule type="cellIs" dxfId="1641" priority="1644" operator="greaterThanOrEqual">
      <formula>110</formula>
    </cfRule>
  </conditionalFormatting>
  <conditionalFormatting sqref="W7">
    <cfRule type="cellIs" dxfId="1640" priority="1639" stopIfTrue="1" operator="equal">
      <formula>0</formula>
    </cfRule>
    <cfRule type="cellIs" dxfId="1639" priority="1640" operator="lessThanOrEqual">
      <formula>90</formula>
    </cfRule>
    <cfRule type="cellIs" dxfId="1638" priority="1641" operator="greaterThanOrEqual">
      <formula>110</formula>
    </cfRule>
  </conditionalFormatting>
  <conditionalFormatting sqref="W8">
    <cfRule type="cellIs" dxfId="1637" priority="1636" stopIfTrue="1" operator="equal">
      <formula>0</formula>
    </cfRule>
    <cfRule type="cellIs" dxfId="1636" priority="1637" operator="lessThanOrEqual">
      <formula>90</formula>
    </cfRule>
    <cfRule type="cellIs" dxfId="1635" priority="1638" operator="greaterThanOrEqual">
      <formula>110</formula>
    </cfRule>
  </conditionalFormatting>
  <conditionalFormatting sqref="W9">
    <cfRule type="cellIs" dxfId="1634" priority="1633" stopIfTrue="1" operator="equal">
      <formula>0</formula>
    </cfRule>
    <cfRule type="cellIs" dxfId="1633" priority="1634" operator="lessThanOrEqual">
      <formula>90</formula>
    </cfRule>
    <cfRule type="cellIs" dxfId="1632" priority="1635" operator="greaterThanOrEqual">
      <formula>110</formula>
    </cfRule>
  </conditionalFormatting>
  <conditionalFormatting sqref="W10">
    <cfRule type="cellIs" dxfId="1631" priority="1630" stopIfTrue="1" operator="equal">
      <formula>0</formula>
    </cfRule>
    <cfRule type="cellIs" dxfId="1630" priority="1631" operator="lessThanOrEqual">
      <formula>90</formula>
    </cfRule>
    <cfRule type="cellIs" dxfId="1629" priority="1632" operator="greaterThanOrEqual">
      <formula>110</formula>
    </cfRule>
  </conditionalFormatting>
  <conditionalFormatting sqref="W11">
    <cfRule type="cellIs" dxfId="1628" priority="1627" stopIfTrue="1" operator="equal">
      <formula>0</formula>
    </cfRule>
    <cfRule type="cellIs" dxfId="1627" priority="1628" operator="lessThanOrEqual">
      <formula>90</formula>
    </cfRule>
    <cfRule type="cellIs" dxfId="1626" priority="1629" operator="greaterThanOrEqual">
      <formula>110</formula>
    </cfRule>
  </conditionalFormatting>
  <conditionalFormatting sqref="W12">
    <cfRule type="cellIs" dxfId="1625" priority="1624" stopIfTrue="1" operator="equal">
      <formula>0</formula>
    </cfRule>
    <cfRule type="cellIs" dxfId="1624" priority="1625" operator="lessThanOrEqual">
      <formula>90</formula>
    </cfRule>
    <cfRule type="cellIs" dxfId="1623" priority="1626" operator="greaterThanOrEqual">
      <formula>110</formula>
    </cfRule>
  </conditionalFormatting>
  <conditionalFormatting sqref="W13">
    <cfRule type="cellIs" dxfId="1622" priority="1621" stopIfTrue="1" operator="equal">
      <formula>0</formula>
    </cfRule>
    <cfRule type="cellIs" dxfId="1621" priority="1622" operator="lessThanOrEqual">
      <formula>90</formula>
    </cfRule>
    <cfRule type="cellIs" dxfId="1620" priority="1623" operator="greaterThanOrEqual">
      <formula>110</formula>
    </cfRule>
  </conditionalFormatting>
  <conditionalFormatting sqref="W14">
    <cfRule type="cellIs" dxfId="1619" priority="1618" stopIfTrue="1" operator="equal">
      <formula>0</formula>
    </cfRule>
    <cfRule type="cellIs" dxfId="1618" priority="1619" operator="lessThanOrEqual">
      <formula>90</formula>
    </cfRule>
    <cfRule type="cellIs" dxfId="1617" priority="1620" operator="greaterThanOrEqual">
      <formula>110</formula>
    </cfRule>
  </conditionalFormatting>
  <conditionalFormatting sqref="W15">
    <cfRule type="cellIs" dxfId="1616" priority="1615" stopIfTrue="1" operator="equal">
      <formula>0</formula>
    </cfRule>
    <cfRule type="cellIs" dxfId="1615" priority="1616" operator="lessThanOrEqual">
      <formula>90</formula>
    </cfRule>
    <cfRule type="cellIs" dxfId="1614" priority="1617" operator="greaterThanOrEqual">
      <formula>110</formula>
    </cfRule>
  </conditionalFormatting>
  <conditionalFormatting sqref="W16">
    <cfRule type="cellIs" dxfId="1613" priority="1612" stopIfTrue="1" operator="equal">
      <formula>0</formula>
    </cfRule>
    <cfRule type="cellIs" dxfId="1612" priority="1613" operator="lessThanOrEqual">
      <formula>90</formula>
    </cfRule>
    <cfRule type="cellIs" dxfId="1611" priority="1614" operator="greaterThanOrEqual">
      <formula>110</formula>
    </cfRule>
  </conditionalFormatting>
  <conditionalFormatting sqref="W17">
    <cfRule type="cellIs" dxfId="1610" priority="1609" stopIfTrue="1" operator="equal">
      <formula>0</formula>
    </cfRule>
    <cfRule type="cellIs" dxfId="1609" priority="1610" operator="lessThanOrEqual">
      <formula>90</formula>
    </cfRule>
    <cfRule type="cellIs" dxfId="1608" priority="1611" operator="greaterThanOrEqual">
      <formula>110</formula>
    </cfRule>
  </conditionalFormatting>
  <conditionalFormatting sqref="W18">
    <cfRule type="cellIs" dxfId="1607" priority="1606" stopIfTrue="1" operator="equal">
      <formula>0</formula>
    </cfRule>
    <cfRule type="cellIs" dxfId="1606" priority="1607" operator="lessThanOrEqual">
      <formula>90</formula>
    </cfRule>
    <cfRule type="cellIs" dxfId="1605" priority="1608" operator="greaterThanOrEqual">
      <formula>110</formula>
    </cfRule>
  </conditionalFormatting>
  <conditionalFormatting sqref="W19">
    <cfRule type="cellIs" dxfId="1604" priority="1603" stopIfTrue="1" operator="equal">
      <formula>0</formula>
    </cfRule>
    <cfRule type="cellIs" dxfId="1603" priority="1604" operator="lessThanOrEqual">
      <formula>90</formula>
    </cfRule>
    <cfRule type="cellIs" dxfId="1602" priority="1605" operator="greaterThanOrEqual">
      <formula>110</formula>
    </cfRule>
  </conditionalFormatting>
  <conditionalFormatting sqref="W20">
    <cfRule type="cellIs" dxfId="1601" priority="1600" stopIfTrue="1" operator="equal">
      <formula>0</formula>
    </cfRule>
    <cfRule type="cellIs" dxfId="1600" priority="1601" operator="lessThanOrEqual">
      <formula>90</formula>
    </cfRule>
    <cfRule type="cellIs" dxfId="1599" priority="1602" operator="greaterThanOrEqual">
      <formula>110</formula>
    </cfRule>
  </conditionalFormatting>
  <conditionalFormatting sqref="W21">
    <cfRule type="cellIs" dxfId="1598" priority="1597" stopIfTrue="1" operator="equal">
      <formula>0</formula>
    </cfRule>
    <cfRule type="cellIs" dxfId="1597" priority="1598" operator="lessThanOrEqual">
      <formula>90</formula>
    </cfRule>
    <cfRule type="cellIs" dxfId="1596" priority="1599" operator="greaterThanOrEqual">
      <formula>110</formula>
    </cfRule>
  </conditionalFormatting>
  <conditionalFormatting sqref="W22">
    <cfRule type="cellIs" dxfId="1595" priority="1594" stopIfTrue="1" operator="equal">
      <formula>0</formula>
    </cfRule>
    <cfRule type="cellIs" dxfId="1594" priority="1595" operator="lessThanOrEqual">
      <formula>90</formula>
    </cfRule>
    <cfRule type="cellIs" dxfId="1593" priority="1596" operator="greaterThanOrEqual">
      <formula>110</formula>
    </cfRule>
  </conditionalFormatting>
  <conditionalFormatting sqref="W23">
    <cfRule type="cellIs" dxfId="1592" priority="1591" stopIfTrue="1" operator="equal">
      <formula>0</formula>
    </cfRule>
    <cfRule type="cellIs" dxfId="1591" priority="1592" operator="lessThanOrEqual">
      <formula>90</formula>
    </cfRule>
    <cfRule type="cellIs" dxfId="1590" priority="1593" operator="greaterThanOrEqual">
      <formula>110</formula>
    </cfRule>
  </conditionalFormatting>
  <conditionalFormatting sqref="W24">
    <cfRule type="cellIs" dxfId="1589" priority="1588" stopIfTrue="1" operator="equal">
      <formula>0</formula>
    </cfRule>
    <cfRule type="cellIs" dxfId="1588" priority="1589" operator="lessThanOrEqual">
      <formula>90</formula>
    </cfRule>
    <cfRule type="cellIs" dxfId="1587" priority="1590" operator="greaterThanOrEqual">
      <formula>110</formula>
    </cfRule>
  </conditionalFormatting>
  <conditionalFormatting sqref="W25">
    <cfRule type="cellIs" dxfId="1586" priority="1585" stopIfTrue="1" operator="equal">
      <formula>0</formula>
    </cfRule>
    <cfRule type="cellIs" dxfId="1585" priority="1586" operator="lessThanOrEqual">
      <formula>90</formula>
    </cfRule>
    <cfRule type="cellIs" dxfId="1584" priority="1587" operator="greaterThanOrEqual">
      <formula>110</formula>
    </cfRule>
  </conditionalFormatting>
  <conditionalFormatting sqref="W26">
    <cfRule type="cellIs" dxfId="1583" priority="1582" stopIfTrue="1" operator="equal">
      <formula>0</formula>
    </cfRule>
    <cfRule type="cellIs" dxfId="1582" priority="1583" operator="lessThanOrEqual">
      <formula>90</formula>
    </cfRule>
    <cfRule type="cellIs" dxfId="1581" priority="1584" operator="greaterThanOrEqual">
      <formula>110</formula>
    </cfRule>
  </conditionalFormatting>
  <conditionalFormatting sqref="W27">
    <cfRule type="cellIs" dxfId="1580" priority="1579" stopIfTrue="1" operator="equal">
      <formula>0</formula>
    </cfRule>
    <cfRule type="cellIs" dxfId="1579" priority="1580" operator="lessThanOrEqual">
      <formula>90</formula>
    </cfRule>
    <cfRule type="cellIs" dxfId="1578" priority="1581" operator="greaterThanOrEqual">
      <formula>110</formula>
    </cfRule>
  </conditionalFormatting>
  <conditionalFormatting sqref="W28">
    <cfRule type="cellIs" dxfId="1577" priority="1576" stopIfTrue="1" operator="equal">
      <formula>0</formula>
    </cfRule>
    <cfRule type="cellIs" dxfId="1576" priority="1577" operator="lessThanOrEqual">
      <formula>90</formula>
    </cfRule>
    <cfRule type="cellIs" dxfId="1575" priority="1578" operator="greaterThanOrEqual">
      <formula>110</formula>
    </cfRule>
  </conditionalFormatting>
  <conditionalFormatting sqref="W29">
    <cfRule type="cellIs" dxfId="1574" priority="1573" stopIfTrue="1" operator="equal">
      <formula>0</formula>
    </cfRule>
    <cfRule type="cellIs" dxfId="1573" priority="1574" operator="lessThanOrEqual">
      <formula>90</formula>
    </cfRule>
    <cfRule type="cellIs" dxfId="1572" priority="1575" operator="greaterThanOrEqual">
      <formula>110</formula>
    </cfRule>
  </conditionalFormatting>
  <conditionalFormatting sqref="W30">
    <cfRule type="cellIs" dxfId="1571" priority="1570" stopIfTrue="1" operator="equal">
      <formula>0</formula>
    </cfRule>
    <cfRule type="cellIs" dxfId="1570" priority="1571" operator="lessThanOrEqual">
      <formula>90</formula>
    </cfRule>
    <cfRule type="cellIs" dxfId="1569" priority="1572" operator="greaterThanOrEqual">
      <formula>110</formula>
    </cfRule>
  </conditionalFormatting>
  <conditionalFormatting sqref="W31">
    <cfRule type="cellIs" dxfId="1568" priority="1567" stopIfTrue="1" operator="equal">
      <formula>0</formula>
    </cfRule>
    <cfRule type="cellIs" dxfId="1567" priority="1568" operator="lessThanOrEqual">
      <formula>90</formula>
    </cfRule>
    <cfRule type="cellIs" dxfId="1566" priority="1569" operator="greaterThanOrEqual">
      <formula>110</formula>
    </cfRule>
  </conditionalFormatting>
  <conditionalFormatting sqref="W32">
    <cfRule type="cellIs" dxfId="1565" priority="1564" stopIfTrue="1" operator="equal">
      <formula>0</formula>
    </cfRule>
    <cfRule type="cellIs" dxfId="1564" priority="1565" operator="lessThanOrEqual">
      <formula>90</formula>
    </cfRule>
    <cfRule type="cellIs" dxfId="1563" priority="1566" operator="greaterThanOrEqual">
      <formula>110</formula>
    </cfRule>
  </conditionalFormatting>
  <conditionalFormatting sqref="W33">
    <cfRule type="cellIs" dxfId="1562" priority="1561" stopIfTrue="1" operator="equal">
      <formula>0</formula>
    </cfRule>
    <cfRule type="cellIs" dxfId="1561" priority="1562" operator="lessThanOrEqual">
      <formula>90</formula>
    </cfRule>
    <cfRule type="cellIs" dxfId="1560" priority="1563" operator="greaterThanOrEqual">
      <formula>110</formula>
    </cfRule>
  </conditionalFormatting>
  <conditionalFormatting sqref="W34">
    <cfRule type="cellIs" dxfId="1559" priority="1558" stopIfTrue="1" operator="equal">
      <formula>0</formula>
    </cfRule>
    <cfRule type="cellIs" dxfId="1558" priority="1559" operator="lessThanOrEqual">
      <formula>90</formula>
    </cfRule>
    <cfRule type="cellIs" dxfId="1557" priority="1560" operator="greaterThanOrEqual">
      <formula>110</formula>
    </cfRule>
  </conditionalFormatting>
  <conditionalFormatting sqref="W35">
    <cfRule type="cellIs" dxfId="1556" priority="1555" stopIfTrue="1" operator="equal">
      <formula>0</formula>
    </cfRule>
    <cfRule type="cellIs" dxfId="1555" priority="1556" operator="lessThanOrEqual">
      <formula>90</formula>
    </cfRule>
    <cfRule type="cellIs" dxfId="1554" priority="1557" operator="greaterThanOrEqual">
      <formula>110</formula>
    </cfRule>
  </conditionalFormatting>
  <conditionalFormatting sqref="W36">
    <cfRule type="cellIs" dxfId="1553" priority="1552" stopIfTrue="1" operator="equal">
      <formula>0</formula>
    </cfRule>
    <cfRule type="cellIs" dxfId="1552" priority="1553" operator="lessThanOrEqual">
      <formula>90</formula>
    </cfRule>
    <cfRule type="cellIs" dxfId="1551" priority="1554" operator="greaterThanOrEqual">
      <formula>110</formula>
    </cfRule>
  </conditionalFormatting>
  <conditionalFormatting sqref="W37">
    <cfRule type="cellIs" dxfId="1550" priority="1549" stopIfTrue="1" operator="equal">
      <formula>0</formula>
    </cfRule>
    <cfRule type="cellIs" dxfId="1549" priority="1550" operator="lessThanOrEqual">
      <formula>90</formula>
    </cfRule>
    <cfRule type="cellIs" dxfId="1548" priority="1551" operator="greaterThanOrEqual">
      <formula>110</formula>
    </cfRule>
  </conditionalFormatting>
  <conditionalFormatting sqref="W38">
    <cfRule type="cellIs" dxfId="1547" priority="1546" stopIfTrue="1" operator="equal">
      <formula>0</formula>
    </cfRule>
    <cfRule type="cellIs" dxfId="1546" priority="1547" operator="lessThanOrEqual">
      <formula>90</formula>
    </cfRule>
    <cfRule type="cellIs" dxfId="1545" priority="1548" operator="greaterThanOrEqual">
      <formula>110</formula>
    </cfRule>
  </conditionalFormatting>
  <conditionalFormatting sqref="W39">
    <cfRule type="cellIs" dxfId="1544" priority="1543" stopIfTrue="1" operator="equal">
      <formula>0</formula>
    </cfRule>
    <cfRule type="cellIs" dxfId="1543" priority="1544" operator="lessThanOrEqual">
      <formula>90</formula>
    </cfRule>
    <cfRule type="cellIs" dxfId="1542" priority="1545" operator="greaterThanOrEqual">
      <formula>110</formula>
    </cfRule>
  </conditionalFormatting>
  <conditionalFormatting sqref="W40">
    <cfRule type="cellIs" dxfId="1541" priority="1540" stopIfTrue="1" operator="equal">
      <formula>0</formula>
    </cfRule>
    <cfRule type="cellIs" dxfId="1540" priority="1541" operator="lessThanOrEqual">
      <formula>90</formula>
    </cfRule>
    <cfRule type="cellIs" dxfId="1539" priority="1542" operator="greaterThanOrEqual">
      <formula>110</formula>
    </cfRule>
  </conditionalFormatting>
  <conditionalFormatting sqref="W41">
    <cfRule type="cellIs" dxfId="1538" priority="1537" stopIfTrue="1" operator="equal">
      <formula>0</formula>
    </cfRule>
    <cfRule type="cellIs" dxfId="1537" priority="1538" operator="lessThanOrEqual">
      <formula>90</formula>
    </cfRule>
    <cfRule type="cellIs" dxfId="1536" priority="1539" operator="greaterThanOrEqual">
      <formula>110</formula>
    </cfRule>
  </conditionalFormatting>
  <conditionalFormatting sqref="W42">
    <cfRule type="cellIs" dxfId="1535" priority="1534" stopIfTrue="1" operator="equal">
      <formula>0</formula>
    </cfRule>
    <cfRule type="cellIs" dxfId="1534" priority="1535" operator="lessThanOrEqual">
      <formula>90</formula>
    </cfRule>
    <cfRule type="cellIs" dxfId="1533" priority="1536" operator="greaterThanOrEqual">
      <formula>110</formula>
    </cfRule>
  </conditionalFormatting>
  <conditionalFormatting sqref="W43">
    <cfRule type="cellIs" dxfId="1532" priority="1531" stopIfTrue="1" operator="equal">
      <formula>0</formula>
    </cfRule>
    <cfRule type="cellIs" dxfId="1531" priority="1532" operator="lessThanOrEqual">
      <formula>90</formula>
    </cfRule>
    <cfRule type="cellIs" dxfId="1530" priority="1533" operator="greaterThanOrEqual">
      <formula>110</formula>
    </cfRule>
  </conditionalFormatting>
  <conditionalFormatting sqref="W44">
    <cfRule type="cellIs" dxfId="1529" priority="1528" stopIfTrue="1" operator="equal">
      <formula>0</formula>
    </cfRule>
    <cfRule type="cellIs" dxfId="1528" priority="1529" operator="lessThanOrEqual">
      <formula>90</formula>
    </cfRule>
    <cfRule type="cellIs" dxfId="1527" priority="1530" operator="greaterThanOrEqual">
      <formula>110</formula>
    </cfRule>
  </conditionalFormatting>
  <conditionalFormatting sqref="W45">
    <cfRule type="cellIs" dxfId="1526" priority="1525" stopIfTrue="1" operator="equal">
      <formula>0</formula>
    </cfRule>
    <cfRule type="cellIs" dxfId="1525" priority="1526" operator="lessThanOrEqual">
      <formula>90</formula>
    </cfRule>
    <cfRule type="cellIs" dxfId="1524" priority="1527" operator="greaterThanOrEqual">
      <formula>110</formula>
    </cfRule>
  </conditionalFormatting>
  <conditionalFormatting sqref="W46">
    <cfRule type="cellIs" dxfId="1523" priority="1522" stopIfTrue="1" operator="equal">
      <formula>0</formula>
    </cfRule>
    <cfRule type="cellIs" dxfId="1522" priority="1523" operator="lessThanOrEqual">
      <formula>90</formula>
    </cfRule>
    <cfRule type="cellIs" dxfId="1521" priority="1524" operator="greaterThanOrEqual">
      <formula>110</formula>
    </cfRule>
  </conditionalFormatting>
  <conditionalFormatting sqref="W47">
    <cfRule type="cellIs" dxfId="1520" priority="1519" stopIfTrue="1" operator="equal">
      <formula>0</formula>
    </cfRule>
    <cfRule type="cellIs" dxfId="1519" priority="1520" operator="lessThanOrEqual">
      <formula>90</formula>
    </cfRule>
    <cfRule type="cellIs" dxfId="1518" priority="1521" operator="greaterThanOrEqual">
      <formula>110</formula>
    </cfRule>
  </conditionalFormatting>
  <conditionalFormatting sqref="W48">
    <cfRule type="cellIs" dxfId="1517" priority="1516" stopIfTrue="1" operator="equal">
      <formula>0</formula>
    </cfRule>
    <cfRule type="cellIs" dxfId="1516" priority="1517" operator="lessThanOrEqual">
      <formula>90</formula>
    </cfRule>
    <cfRule type="cellIs" dxfId="1515" priority="1518" operator="greaterThanOrEqual">
      <formula>110</formula>
    </cfRule>
  </conditionalFormatting>
  <conditionalFormatting sqref="W49">
    <cfRule type="cellIs" dxfId="1514" priority="1513" stopIfTrue="1" operator="equal">
      <formula>0</formula>
    </cfRule>
    <cfRule type="cellIs" dxfId="1513" priority="1514" operator="lessThanOrEqual">
      <formula>90</formula>
    </cfRule>
    <cfRule type="cellIs" dxfId="1512" priority="1515" operator="greaterThanOrEqual">
      <formula>110</formula>
    </cfRule>
  </conditionalFormatting>
  <conditionalFormatting sqref="W50">
    <cfRule type="cellIs" dxfId="1511" priority="1510" stopIfTrue="1" operator="equal">
      <formula>0</formula>
    </cfRule>
    <cfRule type="cellIs" dxfId="1510" priority="1511" operator="lessThanOrEqual">
      <formula>90</formula>
    </cfRule>
    <cfRule type="cellIs" dxfId="1509" priority="1512" operator="greaterThanOrEqual">
      <formula>110</formula>
    </cfRule>
  </conditionalFormatting>
  <conditionalFormatting sqref="W51">
    <cfRule type="cellIs" dxfId="1508" priority="1507" stopIfTrue="1" operator="equal">
      <formula>0</formula>
    </cfRule>
    <cfRule type="cellIs" dxfId="1507" priority="1508" operator="lessThanOrEqual">
      <formula>90</formula>
    </cfRule>
    <cfRule type="cellIs" dxfId="1506" priority="1509" operator="greaterThanOrEqual">
      <formula>110</formula>
    </cfRule>
  </conditionalFormatting>
  <conditionalFormatting sqref="W52">
    <cfRule type="cellIs" dxfId="1505" priority="1504" stopIfTrue="1" operator="equal">
      <formula>0</formula>
    </cfRule>
    <cfRule type="cellIs" dxfId="1504" priority="1505" operator="lessThanOrEqual">
      <formula>90</formula>
    </cfRule>
    <cfRule type="cellIs" dxfId="1503" priority="1506" operator="greaterThanOrEqual">
      <formula>110</formula>
    </cfRule>
  </conditionalFormatting>
  <conditionalFormatting sqref="W53">
    <cfRule type="cellIs" dxfId="1502" priority="1501" stopIfTrue="1" operator="equal">
      <formula>0</formula>
    </cfRule>
    <cfRule type="cellIs" dxfId="1501" priority="1502" operator="lessThanOrEqual">
      <formula>90</formula>
    </cfRule>
    <cfRule type="cellIs" dxfId="1500" priority="1503" operator="greaterThanOrEqual">
      <formula>110</formula>
    </cfRule>
  </conditionalFormatting>
  <conditionalFormatting sqref="W54">
    <cfRule type="cellIs" dxfId="1499" priority="1498" stopIfTrue="1" operator="equal">
      <formula>0</formula>
    </cfRule>
    <cfRule type="cellIs" dxfId="1498" priority="1499" operator="lessThanOrEqual">
      <formula>90</formula>
    </cfRule>
    <cfRule type="cellIs" dxfId="1497" priority="1500" operator="greaterThanOrEqual">
      <formula>110</formula>
    </cfRule>
  </conditionalFormatting>
  <conditionalFormatting sqref="W55">
    <cfRule type="cellIs" dxfId="1496" priority="1495" stopIfTrue="1" operator="equal">
      <formula>0</formula>
    </cfRule>
    <cfRule type="cellIs" dxfId="1495" priority="1496" operator="lessThanOrEqual">
      <formula>90</formula>
    </cfRule>
    <cfRule type="cellIs" dxfId="1494" priority="1497" operator="greaterThanOrEqual">
      <formula>110</formula>
    </cfRule>
  </conditionalFormatting>
  <conditionalFormatting sqref="W56">
    <cfRule type="cellIs" dxfId="1493" priority="1492" stopIfTrue="1" operator="equal">
      <formula>0</formula>
    </cfRule>
    <cfRule type="cellIs" dxfId="1492" priority="1493" operator="lessThanOrEqual">
      <formula>90</formula>
    </cfRule>
    <cfRule type="cellIs" dxfId="1491" priority="1494" operator="greaterThanOrEqual">
      <formula>110</formula>
    </cfRule>
  </conditionalFormatting>
  <conditionalFormatting sqref="W57">
    <cfRule type="cellIs" dxfId="1490" priority="1489" stopIfTrue="1" operator="equal">
      <formula>0</formula>
    </cfRule>
    <cfRule type="cellIs" dxfId="1489" priority="1490" operator="lessThanOrEqual">
      <formula>90</formula>
    </cfRule>
    <cfRule type="cellIs" dxfId="1488" priority="1491" operator="greaterThanOrEqual">
      <formula>110</formula>
    </cfRule>
  </conditionalFormatting>
  <conditionalFormatting sqref="W58">
    <cfRule type="cellIs" dxfId="1487" priority="1486" stopIfTrue="1" operator="equal">
      <formula>0</formula>
    </cfRule>
    <cfRule type="cellIs" dxfId="1486" priority="1487" operator="lessThanOrEqual">
      <formula>90</formula>
    </cfRule>
    <cfRule type="cellIs" dxfId="1485" priority="1488" operator="greaterThanOrEqual">
      <formula>110</formula>
    </cfRule>
  </conditionalFormatting>
  <conditionalFormatting sqref="W59">
    <cfRule type="cellIs" dxfId="1484" priority="1483" stopIfTrue="1" operator="equal">
      <formula>0</formula>
    </cfRule>
    <cfRule type="cellIs" dxfId="1483" priority="1484" operator="lessThanOrEqual">
      <formula>90</formula>
    </cfRule>
    <cfRule type="cellIs" dxfId="1482" priority="1485" operator="greaterThanOrEqual">
      <formula>110</formula>
    </cfRule>
  </conditionalFormatting>
  <conditionalFormatting sqref="W60">
    <cfRule type="cellIs" dxfId="1481" priority="1480" stopIfTrue="1" operator="equal">
      <formula>0</formula>
    </cfRule>
    <cfRule type="cellIs" dxfId="1480" priority="1481" operator="lessThanOrEqual">
      <formula>90</formula>
    </cfRule>
    <cfRule type="cellIs" dxfId="1479" priority="1482" operator="greaterThanOrEqual">
      <formula>110</formula>
    </cfRule>
  </conditionalFormatting>
  <conditionalFormatting sqref="W61">
    <cfRule type="cellIs" dxfId="1478" priority="1477" stopIfTrue="1" operator="equal">
      <formula>0</formula>
    </cfRule>
    <cfRule type="cellIs" dxfId="1477" priority="1478" operator="lessThanOrEqual">
      <formula>90</formula>
    </cfRule>
    <cfRule type="cellIs" dxfId="1476" priority="1479" operator="greaterThanOrEqual">
      <formula>110</formula>
    </cfRule>
  </conditionalFormatting>
  <conditionalFormatting sqref="W62">
    <cfRule type="cellIs" dxfId="1475" priority="1474" stopIfTrue="1" operator="equal">
      <formula>0</formula>
    </cfRule>
    <cfRule type="cellIs" dxfId="1474" priority="1475" operator="lessThanOrEqual">
      <formula>90</formula>
    </cfRule>
    <cfRule type="cellIs" dxfId="1473" priority="1476" operator="greaterThanOrEqual">
      <formula>110</formula>
    </cfRule>
  </conditionalFormatting>
  <conditionalFormatting sqref="W63">
    <cfRule type="cellIs" dxfId="1472" priority="1471" stopIfTrue="1" operator="equal">
      <formula>0</formula>
    </cfRule>
    <cfRule type="cellIs" dxfId="1471" priority="1472" operator="lessThanOrEqual">
      <formula>90</formula>
    </cfRule>
    <cfRule type="cellIs" dxfId="1470" priority="1473" operator="greaterThanOrEqual">
      <formula>110</formula>
    </cfRule>
  </conditionalFormatting>
  <conditionalFormatting sqref="W64">
    <cfRule type="cellIs" dxfId="1469" priority="1468" stopIfTrue="1" operator="equal">
      <formula>0</formula>
    </cfRule>
    <cfRule type="cellIs" dxfId="1468" priority="1469" operator="lessThanOrEqual">
      <formula>90</formula>
    </cfRule>
    <cfRule type="cellIs" dxfId="1467" priority="1470" operator="greaterThanOrEqual">
      <formula>110</formula>
    </cfRule>
  </conditionalFormatting>
  <conditionalFormatting sqref="W65">
    <cfRule type="cellIs" dxfId="1466" priority="1465" stopIfTrue="1" operator="equal">
      <formula>0</formula>
    </cfRule>
    <cfRule type="cellIs" dxfId="1465" priority="1466" operator="lessThanOrEqual">
      <formula>90</formula>
    </cfRule>
    <cfRule type="cellIs" dxfId="1464" priority="1467" operator="greaterThanOrEqual">
      <formula>110</formula>
    </cfRule>
  </conditionalFormatting>
  <conditionalFormatting sqref="X5">
    <cfRule type="cellIs" dxfId="1463" priority="1462" stopIfTrue="1" operator="equal">
      <formula>0</formula>
    </cfRule>
    <cfRule type="cellIs" dxfId="1462" priority="1463" operator="lessThanOrEqual">
      <formula>90</formula>
    </cfRule>
    <cfRule type="cellIs" dxfId="1461" priority="1464" operator="greaterThanOrEqual">
      <formula>110</formula>
    </cfRule>
  </conditionalFormatting>
  <conditionalFormatting sqref="X6">
    <cfRule type="cellIs" dxfId="1460" priority="1459" stopIfTrue="1" operator="equal">
      <formula>0</formula>
    </cfRule>
    <cfRule type="cellIs" dxfId="1459" priority="1460" operator="lessThanOrEqual">
      <formula>90</formula>
    </cfRule>
    <cfRule type="cellIs" dxfId="1458" priority="1461" operator="greaterThanOrEqual">
      <formula>110</formula>
    </cfRule>
  </conditionalFormatting>
  <conditionalFormatting sqref="X7">
    <cfRule type="cellIs" dxfId="1457" priority="1456" stopIfTrue="1" operator="equal">
      <formula>0</formula>
    </cfRule>
    <cfRule type="cellIs" dxfId="1456" priority="1457" operator="lessThanOrEqual">
      <formula>90</formula>
    </cfRule>
    <cfRule type="cellIs" dxfId="1455" priority="1458" operator="greaterThanOrEqual">
      <formula>110</formula>
    </cfRule>
  </conditionalFormatting>
  <conditionalFormatting sqref="X8">
    <cfRule type="cellIs" dxfId="1454" priority="1453" stopIfTrue="1" operator="equal">
      <formula>0</formula>
    </cfRule>
    <cfRule type="cellIs" dxfId="1453" priority="1454" operator="lessThanOrEqual">
      <formula>90</formula>
    </cfRule>
    <cfRule type="cellIs" dxfId="1452" priority="1455" operator="greaterThanOrEqual">
      <formula>110</formula>
    </cfRule>
  </conditionalFormatting>
  <conditionalFormatting sqref="X9">
    <cfRule type="cellIs" dxfId="1451" priority="1450" stopIfTrue="1" operator="equal">
      <formula>0</formula>
    </cfRule>
    <cfRule type="cellIs" dxfId="1450" priority="1451" operator="lessThanOrEqual">
      <formula>90</formula>
    </cfRule>
    <cfRule type="cellIs" dxfId="1449" priority="1452" operator="greaterThanOrEqual">
      <formula>110</formula>
    </cfRule>
  </conditionalFormatting>
  <conditionalFormatting sqref="X10">
    <cfRule type="cellIs" dxfId="1448" priority="1447" stopIfTrue="1" operator="equal">
      <formula>0</formula>
    </cfRule>
    <cfRule type="cellIs" dxfId="1447" priority="1448" operator="lessThanOrEqual">
      <formula>90</formula>
    </cfRule>
    <cfRule type="cellIs" dxfId="1446" priority="1449" operator="greaterThanOrEqual">
      <formula>110</formula>
    </cfRule>
  </conditionalFormatting>
  <conditionalFormatting sqref="X11">
    <cfRule type="cellIs" dxfId="1445" priority="1444" stopIfTrue="1" operator="equal">
      <formula>0</formula>
    </cfRule>
    <cfRule type="cellIs" dxfId="1444" priority="1445" operator="lessThanOrEqual">
      <formula>90</formula>
    </cfRule>
    <cfRule type="cellIs" dxfId="1443" priority="1446" operator="greaterThanOrEqual">
      <formula>110</formula>
    </cfRule>
  </conditionalFormatting>
  <conditionalFormatting sqref="X12">
    <cfRule type="cellIs" dxfId="1442" priority="1441" stopIfTrue="1" operator="equal">
      <formula>0</formula>
    </cfRule>
    <cfRule type="cellIs" dxfId="1441" priority="1442" operator="lessThanOrEqual">
      <formula>90</formula>
    </cfRule>
    <cfRule type="cellIs" dxfId="1440" priority="1443" operator="greaterThanOrEqual">
      <formula>110</formula>
    </cfRule>
  </conditionalFormatting>
  <conditionalFormatting sqref="X13">
    <cfRule type="cellIs" dxfId="1439" priority="1438" stopIfTrue="1" operator="equal">
      <formula>0</formula>
    </cfRule>
    <cfRule type="cellIs" dxfId="1438" priority="1439" operator="lessThanOrEqual">
      <formula>90</formula>
    </cfRule>
    <cfRule type="cellIs" dxfId="1437" priority="1440" operator="greaterThanOrEqual">
      <formula>110</formula>
    </cfRule>
  </conditionalFormatting>
  <conditionalFormatting sqref="X14">
    <cfRule type="cellIs" dxfId="1436" priority="1435" stopIfTrue="1" operator="equal">
      <formula>0</formula>
    </cfRule>
    <cfRule type="cellIs" dxfId="1435" priority="1436" operator="lessThanOrEqual">
      <formula>90</formula>
    </cfRule>
    <cfRule type="cellIs" dxfId="1434" priority="1437" operator="greaterThanOrEqual">
      <formula>110</formula>
    </cfRule>
  </conditionalFormatting>
  <conditionalFormatting sqref="X15">
    <cfRule type="cellIs" dxfId="1433" priority="1432" stopIfTrue="1" operator="equal">
      <formula>0</formula>
    </cfRule>
    <cfRule type="cellIs" dxfId="1432" priority="1433" operator="lessThanOrEqual">
      <formula>90</formula>
    </cfRule>
    <cfRule type="cellIs" dxfId="1431" priority="1434" operator="greaterThanOrEqual">
      <formula>110</formula>
    </cfRule>
  </conditionalFormatting>
  <conditionalFormatting sqref="X16">
    <cfRule type="cellIs" dxfId="1430" priority="1429" stopIfTrue="1" operator="equal">
      <formula>0</formula>
    </cfRule>
    <cfRule type="cellIs" dxfId="1429" priority="1430" operator="lessThanOrEqual">
      <formula>90</formula>
    </cfRule>
    <cfRule type="cellIs" dxfId="1428" priority="1431" operator="greaterThanOrEqual">
      <formula>110</formula>
    </cfRule>
  </conditionalFormatting>
  <conditionalFormatting sqref="X17">
    <cfRule type="cellIs" dxfId="1427" priority="1426" stopIfTrue="1" operator="equal">
      <formula>0</formula>
    </cfRule>
    <cfRule type="cellIs" dxfId="1426" priority="1427" operator="lessThanOrEqual">
      <formula>90</formula>
    </cfRule>
    <cfRule type="cellIs" dxfId="1425" priority="1428" operator="greaterThanOrEqual">
      <formula>110</formula>
    </cfRule>
  </conditionalFormatting>
  <conditionalFormatting sqref="X18">
    <cfRule type="cellIs" dxfId="1424" priority="1423" stopIfTrue="1" operator="equal">
      <formula>0</formula>
    </cfRule>
    <cfRule type="cellIs" dxfId="1423" priority="1424" operator="lessThanOrEqual">
      <formula>90</formula>
    </cfRule>
    <cfRule type="cellIs" dxfId="1422" priority="1425" operator="greaterThanOrEqual">
      <formula>110</formula>
    </cfRule>
  </conditionalFormatting>
  <conditionalFormatting sqref="X19">
    <cfRule type="cellIs" dxfId="1421" priority="1420" stopIfTrue="1" operator="equal">
      <formula>0</formula>
    </cfRule>
    <cfRule type="cellIs" dxfId="1420" priority="1421" operator="lessThanOrEqual">
      <formula>90</formula>
    </cfRule>
    <cfRule type="cellIs" dxfId="1419" priority="1422" operator="greaterThanOrEqual">
      <formula>110</formula>
    </cfRule>
  </conditionalFormatting>
  <conditionalFormatting sqref="X20">
    <cfRule type="cellIs" dxfId="1418" priority="1417" stopIfTrue="1" operator="equal">
      <formula>0</formula>
    </cfRule>
    <cfRule type="cellIs" dxfId="1417" priority="1418" operator="lessThanOrEqual">
      <formula>90</formula>
    </cfRule>
    <cfRule type="cellIs" dxfId="1416" priority="1419" operator="greaterThanOrEqual">
      <formula>110</formula>
    </cfRule>
  </conditionalFormatting>
  <conditionalFormatting sqref="X21">
    <cfRule type="cellIs" dxfId="1415" priority="1414" stopIfTrue="1" operator="equal">
      <formula>0</formula>
    </cfRule>
    <cfRule type="cellIs" dxfId="1414" priority="1415" operator="lessThanOrEqual">
      <formula>90</formula>
    </cfRule>
    <cfRule type="cellIs" dxfId="1413" priority="1416" operator="greaterThanOrEqual">
      <formula>110</formula>
    </cfRule>
  </conditionalFormatting>
  <conditionalFormatting sqref="X22">
    <cfRule type="cellIs" dxfId="1412" priority="1411" stopIfTrue="1" operator="equal">
      <formula>0</formula>
    </cfRule>
    <cfRule type="cellIs" dxfId="1411" priority="1412" operator="lessThanOrEqual">
      <formula>90</formula>
    </cfRule>
    <cfRule type="cellIs" dxfId="1410" priority="1413" operator="greaterThanOrEqual">
      <formula>110</formula>
    </cfRule>
  </conditionalFormatting>
  <conditionalFormatting sqref="X23">
    <cfRule type="cellIs" dxfId="1409" priority="1408" stopIfTrue="1" operator="equal">
      <formula>0</formula>
    </cfRule>
    <cfRule type="cellIs" dxfId="1408" priority="1409" operator="lessThanOrEqual">
      <formula>90</formula>
    </cfRule>
    <cfRule type="cellIs" dxfId="1407" priority="1410" operator="greaterThanOrEqual">
      <formula>110</formula>
    </cfRule>
  </conditionalFormatting>
  <conditionalFormatting sqref="X24">
    <cfRule type="cellIs" dxfId="1406" priority="1405" stopIfTrue="1" operator="equal">
      <formula>0</formula>
    </cfRule>
    <cfRule type="cellIs" dxfId="1405" priority="1406" operator="lessThanOrEqual">
      <formula>90</formula>
    </cfRule>
    <cfRule type="cellIs" dxfId="1404" priority="1407" operator="greaterThanOrEqual">
      <formula>110</formula>
    </cfRule>
  </conditionalFormatting>
  <conditionalFormatting sqref="X25">
    <cfRule type="cellIs" dxfId="1403" priority="1402" stopIfTrue="1" operator="equal">
      <formula>0</formula>
    </cfRule>
    <cfRule type="cellIs" dxfId="1402" priority="1403" operator="lessThanOrEqual">
      <formula>90</formula>
    </cfRule>
    <cfRule type="cellIs" dxfId="1401" priority="1404" operator="greaterThanOrEqual">
      <formula>110</formula>
    </cfRule>
  </conditionalFormatting>
  <conditionalFormatting sqref="X26">
    <cfRule type="cellIs" dxfId="1400" priority="1399" stopIfTrue="1" operator="equal">
      <formula>0</formula>
    </cfRule>
    <cfRule type="cellIs" dxfId="1399" priority="1400" operator="lessThanOrEqual">
      <formula>90</formula>
    </cfRule>
    <cfRule type="cellIs" dxfId="1398" priority="1401" operator="greaterThanOrEqual">
      <formula>110</formula>
    </cfRule>
  </conditionalFormatting>
  <conditionalFormatting sqref="X27">
    <cfRule type="cellIs" dxfId="1397" priority="1396" stopIfTrue="1" operator="equal">
      <formula>0</formula>
    </cfRule>
    <cfRule type="cellIs" dxfId="1396" priority="1397" operator="lessThanOrEqual">
      <formula>90</formula>
    </cfRule>
    <cfRule type="cellIs" dxfId="1395" priority="1398" operator="greaterThanOrEqual">
      <formula>110</formula>
    </cfRule>
  </conditionalFormatting>
  <conditionalFormatting sqref="X28">
    <cfRule type="cellIs" dxfId="1394" priority="1393" stopIfTrue="1" operator="equal">
      <formula>0</formula>
    </cfRule>
    <cfRule type="cellIs" dxfId="1393" priority="1394" operator="lessThanOrEqual">
      <formula>90</formula>
    </cfRule>
    <cfRule type="cellIs" dxfId="1392" priority="1395" operator="greaterThanOrEqual">
      <formula>110</formula>
    </cfRule>
  </conditionalFormatting>
  <conditionalFormatting sqref="X29">
    <cfRule type="cellIs" dxfId="1391" priority="1390" stopIfTrue="1" operator="equal">
      <formula>0</formula>
    </cfRule>
    <cfRule type="cellIs" dxfId="1390" priority="1391" operator="lessThanOrEqual">
      <formula>90</formula>
    </cfRule>
    <cfRule type="cellIs" dxfId="1389" priority="1392" operator="greaterThanOrEqual">
      <formula>110</formula>
    </cfRule>
  </conditionalFormatting>
  <conditionalFormatting sqref="X30">
    <cfRule type="cellIs" dxfId="1388" priority="1387" stopIfTrue="1" operator="equal">
      <formula>0</formula>
    </cfRule>
    <cfRule type="cellIs" dxfId="1387" priority="1388" operator="lessThanOrEqual">
      <formula>90</formula>
    </cfRule>
    <cfRule type="cellIs" dxfId="1386" priority="1389" operator="greaterThanOrEqual">
      <formula>110</formula>
    </cfRule>
  </conditionalFormatting>
  <conditionalFormatting sqref="X31">
    <cfRule type="cellIs" dxfId="1385" priority="1384" stopIfTrue="1" operator="equal">
      <formula>0</formula>
    </cfRule>
    <cfRule type="cellIs" dxfId="1384" priority="1385" operator="lessThanOrEqual">
      <formula>90</formula>
    </cfRule>
    <cfRule type="cellIs" dxfId="1383" priority="1386" operator="greaterThanOrEqual">
      <formula>110</formula>
    </cfRule>
  </conditionalFormatting>
  <conditionalFormatting sqref="X32">
    <cfRule type="cellIs" dxfId="1382" priority="1381" stopIfTrue="1" operator="equal">
      <formula>0</formula>
    </cfRule>
    <cfRule type="cellIs" dxfId="1381" priority="1382" operator="lessThanOrEqual">
      <formula>90</formula>
    </cfRule>
    <cfRule type="cellIs" dxfId="1380" priority="1383" operator="greaterThanOrEqual">
      <formula>110</formula>
    </cfRule>
  </conditionalFormatting>
  <conditionalFormatting sqref="X33">
    <cfRule type="cellIs" dxfId="1379" priority="1378" stopIfTrue="1" operator="equal">
      <formula>0</formula>
    </cfRule>
    <cfRule type="cellIs" dxfId="1378" priority="1379" operator="lessThanOrEqual">
      <formula>90</formula>
    </cfRule>
    <cfRule type="cellIs" dxfId="1377" priority="1380" operator="greaterThanOrEqual">
      <formula>110</formula>
    </cfRule>
  </conditionalFormatting>
  <conditionalFormatting sqref="X34">
    <cfRule type="cellIs" dxfId="1376" priority="1375" stopIfTrue="1" operator="equal">
      <formula>0</formula>
    </cfRule>
    <cfRule type="cellIs" dxfId="1375" priority="1376" operator="lessThanOrEqual">
      <formula>90</formula>
    </cfRule>
    <cfRule type="cellIs" dxfId="1374" priority="1377" operator="greaterThanOrEqual">
      <formula>110</formula>
    </cfRule>
  </conditionalFormatting>
  <conditionalFormatting sqref="X35">
    <cfRule type="cellIs" dxfId="1373" priority="1372" stopIfTrue="1" operator="equal">
      <formula>0</formula>
    </cfRule>
    <cfRule type="cellIs" dxfId="1372" priority="1373" operator="lessThanOrEqual">
      <formula>90</formula>
    </cfRule>
    <cfRule type="cellIs" dxfId="1371" priority="1374" operator="greaterThanOrEqual">
      <formula>110</formula>
    </cfRule>
  </conditionalFormatting>
  <conditionalFormatting sqref="X36">
    <cfRule type="cellIs" dxfId="1370" priority="1369" stopIfTrue="1" operator="equal">
      <formula>0</formula>
    </cfRule>
    <cfRule type="cellIs" dxfId="1369" priority="1370" operator="lessThanOrEqual">
      <formula>90</formula>
    </cfRule>
    <cfRule type="cellIs" dxfId="1368" priority="1371" operator="greaterThanOrEqual">
      <formula>110</formula>
    </cfRule>
  </conditionalFormatting>
  <conditionalFormatting sqref="X37">
    <cfRule type="cellIs" dxfId="1367" priority="1366" stopIfTrue="1" operator="equal">
      <formula>0</formula>
    </cfRule>
    <cfRule type="cellIs" dxfId="1366" priority="1367" operator="lessThanOrEqual">
      <formula>90</formula>
    </cfRule>
    <cfRule type="cellIs" dxfId="1365" priority="1368" operator="greaterThanOrEqual">
      <formula>110</formula>
    </cfRule>
  </conditionalFormatting>
  <conditionalFormatting sqref="X38">
    <cfRule type="cellIs" dxfId="1364" priority="1363" stopIfTrue="1" operator="equal">
      <formula>0</formula>
    </cfRule>
    <cfRule type="cellIs" dxfId="1363" priority="1364" operator="lessThanOrEqual">
      <formula>90</formula>
    </cfRule>
    <cfRule type="cellIs" dxfId="1362" priority="1365" operator="greaterThanOrEqual">
      <formula>110</formula>
    </cfRule>
  </conditionalFormatting>
  <conditionalFormatting sqref="X39">
    <cfRule type="cellIs" dxfId="1361" priority="1360" stopIfTrue="1" operator="equal">
      <formula>0</formula>
    </cfRule>
    <cfRule type="cellIs" dxfId="1360" priority="1361" operator="lessThanOrEqual">
      <formula>90</formula>
    </cfRule>
    <cfRule type="cellIs" dxfId="1359" priority="1362" operator="greaterThanOrEqual">
      <formula>110</formula>
    </cfRule>
  </conditionalFormatting>
  <conditionalFormatting sqref="X40">
    <cfRule type="cellIs" dxfId="1358" priority="1357" stopIfTrue="1" operator="equal">
      <formula>0</formula>
    </cfRule>
    <cfRule type="cellIs" dxfId="1357" priority="1358" operator="lessThanOrEqual">
      <formula>90</formula>
    </cfRule>
    <cfRule type="cellIs" dxfId="1356" priority="1359" operator="greaterThanOrEqual">
      <formula>110</formula>
    </cfRule>
  </conditionalFormatting>
  <conditionalFormatting sqref="X41">
    <cfRule type="cellIs" dxfId="1355" priority="1354" stopIfTrue="1" operator="equal">
      <formula>0</formula>
    </cfRule>
    <cfRule type="cellIs" dxfId="1354" priority="1355" operator="lessThanOrEqual">
      <formula>90</formula>
    </cfRule>
    <cfRule type="cellIs" dxfId="1353" priority="1356" operator="greaterThanOrEqual">
      <formula>110</formula>
    </cfRule>
  </conditionalFormatting>
  <conditionalFormatting sqref="X42">
    <cfRule type="cellIs" dxfId="1352" priority="1351" stopIfTrue="1" operator="equal">
      <formula>0</formula>
    </cfRule>
    <cfRule type="cellIs" dxfId="1351" priority="1352" operator="lessThanOrEqual">
      <formula>90</formula>
    </cfRule>
    <cfRule type="cellIs" dxfId="1350" priority="1353" operator="greaterThanOrEqual">
      <formula>110</formula>
    </cfRule>
  </conditionalFormatting>
  <conditionalFormatting sqref="X43">
    <cfRule type="cellIs" dxfId="1349" priority="1348" stopIfTrue="1" operator="equal">
      <formula>0</formula>
    </cfRule>
    <cfRule type="cellIs" dxfId="1348" priority="1349" operator="lessThanOrEqual">
      <formula>90</formula>
    </cfRule>
    <cfRule type="cellIs" dxfId="1347" priority="1350" operator="greaterThanOrEqual">
      <formula>110</formula>
    </cfRule>
  </conditionalFormatting>
  <conditionalFormatting sqref="X44">
    <cfRule type="cellIs" dxfId="1346" priority="1345" stopIfTrue="1" operator="equal">
      <formula>0</formula>
    </cfRule>
    <cfRule type="cellIs" dxfId="1345" priority="1346" operator="lessThanOrEqual">
      <formula>90</formula>
    </cfRule>
    <cfRule type="cellIs" dxfId="1344" priority="1347" operator="greaterThanOrEqual">
      <formula>110</formula>
    </cfRule>
  </conditionalFormatting>
  <conditionalFormatting sqref="X45">
    <cfRule type="cellIs" dxfId="1343" priority="1342" stopIfTrue="1" operator="equal">
      <formula>0</formula>
    </cfRule>
    <cfRule type="cellIs" dxfId="1342" priority="1343" operator="lessThanOrEqual">
      <formula>90</formula>
    </cfRule>
    <cfRule type="cellIs" dxfId="1341" priority="1344" operator="greaterThanOrEqual">
      <formula>110</formula>
    </cfRule>
  </conditionalFormatting>
  <conditionalFormatting sqref="X46">
    <cfRule type="cellIs" dxfId="1340" priority="1339" stopIfTrue="1" operator="equal">
      <formula>0</formula>
    </cfRule>
    <cfRule type="cellIs" dxfId="1339" priority="1340" operator="lessThanOrEqual">
      <formula>90</formula>
    </cfRule>
    <cfRule type="cellIs" dxfId="1338" priority="1341" operator="greaterThanOrEqual">
      <formula>110</formula>
    </cfRule>
  </conditionalFormatting>
  <conditionalFormatting sqref="X47">
    <cfRule type="cellIs" dxfId="1337" priority="1336" stopIfTrue="1" operator="equal">
      <formula>0</formula>
    </cfRule>
    <cfRule type="cellIs" dxfId="1336" priority="1337" operator="lessThanOrEqual">
      <formula>90</formula>
    </cfRule>
    <cfRule type="cellIs" dxfId="1335" priority="1338" operator="greaterThanOrEqual">
      <formula>110</formula>
    </cfRule>
  </conditionalFormatting>
  <conditionalFormatting sqref="X48">
    <cfRule type="cellIs" dxfId="1334" priority="1333" stopIfTrue="1" operator="equal">
      <formula>0</formula>
    </cfRule>
    <cfRule type="cellIs" dxfId="1333" priority="1334" operator="lessThanOrEqual">
      <formula>90</formula>
    </cfRule>
    <cfRule type="cellIs" dxfId="1332" priority="1335" operator="greaterThanOrEqual">
      <formula>110</formula>
    </cfRule>
  </conditionalFormatting>
  <conditionalFormatting sqref="X49">
    <cfRule type="cellIs" dxfId="1331" priority="1330" stopIfTrue="1" operator="equal">
      <formula>0</formula>
    </cfRule>
    <cfRule type="cellIs" dxfId="1330" priority="1331" operator="lessThanOrEqual">
      <formula>90</formula>
    </cfRule>
    <cfRule type="cellIs" dxfId="1329" priority="1332" operator="greaterThanOrEqual">
      <formula>110</formula>
    </cfRule>
  </conditionalFormatting>
  <conditionalFormatting sqref="X50">
    <cfRule type="cellIs" dxfId="1328" priority="1327" stopIfTrue="1" operator="equal">
      <formula>0</formula>
    </cfRule>
    <cfRule type="cellIs" dxfId="1327" priority="1328" operator="lessThanOrEqual">
      <formula>90</formula>
    </cfRule>
    <cfRule type="cellIs" dxfId="1326" priority="1329" operator="greaterThanOrEqual">
      <formula>110</formula>
    </cfRule>
  </conditionalFormatting>
  <conditionalFormatting sqref="X51">
    <cfRule type="cellIs" dxfId="1325" priority="1324" stopIfTrue="1" operator="equal">
      <formula>0</formula>
    </cfRule>
    <cfRule type="cellIs" dxfId="1324" priority="1325" operator="lessThanOrEqual">
      <formula>90</formula>
    </cfRule>
    <cfRule type="cellIs" dxfId="1323" priority="1326" operator="greaterThanOrEqual">
      <formula>110</formula>
    </cfRule>
  </conditionalFormatting>
  <conditionalFormatting sqref="X52">
    <cfRule type="cellIs" dxfId="1322" priority="1321" stopIfTrue="1" operator="equal">
      <formula>0</formula>
    </cfRule>
    <cfRule type="cellIs" dxfId="1321" priority="1322" operator="lessThanOrEqual">
      <formula>90</formula>
    </cfRule>
    <cfRule type="cellIs" dxfId="1320" priority="1323" operator="greaterThanOrEqual">
      <formula>110</formula>
    </cfRule>
  </conditionalFormatting>
  <conditionalFormatting sqref="X53">
    <cfRule type="cellIs" dxfId="1319" priority="1318" stopIfTrue="1" operator="equal">
      <formula>0</formula>
    </cfRule>
    <cfRule type="cellIs" dxfId="1318" priority="1319" operator="lessThanOrEqual">
      <formula>90</formula>
    </cfRule>
    <cfRule type="cellIs" dxfId="1317" priority="1320" operator="greaterThanOrEqual">
      <formula>110</formula>
    </cfRule>
  </conditionalFormatting>
  <conditionalFormatting sqref="X54">
    <cfRule type="cellIs" dxfId="1316" priority="1315" stopIfTrue="1" operator="equal">
      <formula>0</formula>
    </cfRule>
    <cfRule type="cellIs" dxfId="1315" priority="1316" operator="lessThanOrEqual">
      <formula>90</formula>
    </cfRule>
    <cfRule type="cellIs" dxfId="1314" priority="1317" operator="greaterThanOrEqual">
      <formula>110</formula>
    </cfRule>
  </conditionalFormatting>
  <conditionalFormatting sqref="X55">
    <cfRule type="cellIs" dxfId="1313" priority="1312" stopIfTrue="1" operator="equal">
      <formula>0</formula>
    </cfRule>
    <cfRule type="cellIs" dxfId="1312" priority="1313" operator="lessThanOrEqual">
      <formula>90</formula>
    </cfRule>
    <cfRule type="cellIs" dxfId="1311" priority="1314" operator="greaterThanOrEqual">
      <formula>110</formula>
    </cfRule>
  </conditionalFormatting>
  <conditionalFormatting sqref="X56">
    <cfRule type="cellIs" dxfId="1310" priority="1309" stopIfTrue="1" operator="equal">
      <formula>0</formula>
    </cfRule>
    <cfRule type="cellIs" dxfId="1309" priority="1310" operator="lessThanOrEqual">
      <formula>90</formula>
    </cfRule>
    <cfRule type="cellIs" dxfId="1308" priority="1311" operator="greaterThanOrEqual">
      <formula>110</formula>
    </cfRule>
  </conditionalFormatting>
  <conditionalFormatting sqref="X57">
    <cfRule type="cellIs" dxfId="1307" priority="1306" stopIfTrue="1" operator="equal">
      <formula>0</formula>
    </cfRule>
    <cfRule type="cellIs" dxfId="1306" priority="1307" operator="lessThanOrEqual">
      <formula>90</formula>
    </cfRule>
    <cfRule type="cellIs" dxfId="1305" priority="1308" operator="greaterThanOrEqual">
      <formula>110</formula>
    </cfRule>
  </conditionalFormatting>
  <conditionalFormatting sqref="X58">
    <cfRule type="cellIs" dxfId="1304" priority="1303" stopIfTrue="1" operator="equal">
      <formula>0</formula>
    </cfRule>
    <cfRule type="cellIs" dxfId="1303" priority="1304" operator="lessThanOrEqual">
      <formula>90</formula>
    </cfRule>
    <cfRule type="cellIs" dxfId="1302" priority="1305" operator="greaterThanOrEqual">
      <formula>110</formula>
    </cfRule>
  </conditionalFormatting>
  <conditionalFormatting sqref="X59">
    <cfRule type="cellIs" dxfId="1301" priority="1300" stopIfTrue="1" operator="equal">
      <formula>0</formula>
    </cfRule>
    <cfRule type="cellIs" dxfId="1300" priority="1301" operator="lessThanOrEqual">
      <formula>90</formula>
    </cfRule>
    <cfRule type="cellIs" dxfId="1299" priority="1302" operator="greaterThanOrEqual">
      <formula>110</formula>
    </cfRule>
  </conditionalFormatting>
  <conditionalFormatting sqref="X60">
    <cfRule type="cellIs" dxfId="1298" priority="1297" stopIfTrue="1" operator="equal">
      <formula>0</formula>
    </cfRule>
    <cfRule type="cellIs" dxfId="1297" priority="1298" operator="lessThanOrEqual">
      <formula>90</formula>
    </cfRule>
    <cfRule type="cellIs" dxfId="1296" priority="1299" operator="greaterThanOrEqual">
      <formula>110</formula>
    </cfRule>
  </conditionalFormatting>
  <conditionalFormatting sqref="X61">
    <cfRule type="cellIs" dxfId="1295" priority="1294" stopIfTrue="1" operator="equal">
      <formula>0</formula>
    </cfRule>
    <cfRule type="cellIs" dxfId="1294" priority="1295" operator="lessThanOrEqual">
      <formula>90</formula>
    </cfRule>
    <cfRule type="cellIs" dxfId="1293" priority="1296" operator="greaterThanOrEqual">
      <formula>110</formula>
    </cfRule>
  </conditionalFormatting>
  <conditionalFormatting sqref="X62">
    <cfRule type="cellIs" dxfId="1292" priority="1291" stopIfTrue="1" operator="equal">
      <formula>0</formula>
    </cfRule>
    <cfRule type="cellIs" dxfId="1291" priority="1292" operator="lessThanOrEqual">
      <formula>90</formula>
    </cfRule>
    <cfRule type="cellIs" dxfId="1290" priority="1293" operator="greaterThanOrEqual">
      <formula>110</formula>
    </cfRule>
  </conditionalFormatting>
  <conditionalFormatting sqref="X63">
    <cfRule type="cellIs" dxfId="1289" priority="1288" stopIfTrue="1" operator="equal">
      <formula>0</formula>
    </cfRule>
    <cfRule type="cellIs" dxfId="1288" priority="1289" operator="lessThanOrEqual">
      <formula>90</formula>
    </cfRule>
    <cfRule type="cellIs" dxfId="1287" priority="1290" operator="greaterThanOrEqual">
      <formula>110</formula>
    </cfRule>
  </conditionalFormatting>
  <conditionalFormatting sqref="X64">
    <cfRule type="cellIs" dxfId="1286" priority="1285" stopIfTrue="1" operator="equal">
      <formula>0</formula>
    </cfRule>
    <cfRule type="cellIs" dxfId="1285" priority="1286" operator="lessThanOrEqual">
      <formula>90</formula>
    </cfRule>
    <cfRule type="cellIs" dxfId="1284" priority="1287" operator="greaterThanOrEqual">
      <formula>110</formula>
    </cfRule>
  </conditionalFormatting>
  <conditionalFormatting sqref="X65">
    <cfRule type="cellIs" dxfId="1283" priority="1282" stopIfTrue="1" operator="equal">
      <formula>0</formula>
    </cfRule>
    <cfRule type="cellIs" dxfId="1282" priority="1283" operator="lessThanOrEqual">
      <formula>90</formula>
    </cfRule>
    <cfRule type="cellIs" dxfId="1281" priority="1284" operator="greaterThanOrEqual">
      <formula>110</formula>
    </cfRule>
  </conditionalFormatting>
  <conditionalFormatting sqref="Y5">
    <cfRule type="cellIs" dxfId="1280" priority="1279" stopIfTrue="1" operator="equal">
      <formula>0</formula>
    </cfRule>
    <cfRule type="cellIs" dxfId="1279" priority="1280" operator="lessThanOrEqual">
      <formula>90</formula>
    </cfRule>
    <cfRule type="cellIs" dxfId="1278" priority="1281" operator="greaterThanOrEqual">
      <formula>110</formula>
    </cfRule>
  </conditionalFormatting>
  <conditionalFormatting sqref="Y6">
    <cfRule type="cellIs" dxfId="1277" priority="1276" stopIfTrue="1" operator="equal">
      <formula>0</formula>
    </cfRule>
    <cfRule type="cellIs" dxfId="1276" priority="1277" operator="lessThanOrEqual">
      <formula>90</formula>
    </cfRule>
    <cfRule type="cellIs" dxfId="1275" priority="1278" operator="greaterThanOrEqual">
      <formula>110</formula>
    </cfRule>
  </conditionalFormatting>
  <conditionalFormatting sqref="Y7">
    <cfRule type="cellIs" dxfId="1274" priority="1273" stopIfTrue="1" operator="equal">
      <formula>0</formula>
    </cfRule>
    <cfRule type="cellIs" dxfId="1273" priority="1274" operator="lessThanOrEqual">
      <formula>90</formula>
    </cfRule>
    <cfRule type="cellIs" dxfId="1272" priority="1275" operator="greaterThanOrEqual">
      <formula>110</formula>
    </cfRule>
  </conditionalFormatting>
  <conditionalFormatting sqref="Y8">
    <cfRule type="cellIs" dxfId="1271" priority="1270" stopIfTrue="1" operator="equal">
      <formula>0</formula>
    </cfRule>
    <cfRule type="cellIs" dxfId="1270" priority="1271" operator="lessThanOrEqual">
      <formula>90</formula>
    </cfRule>
    <cfRule type="cellIs" dxfId="1269" priority="1272" operator="greaterThanOrEqual">
      <formula>110</formula>
    </cfRule>
  </conditionalFormatting>
  <conditionalFormatting sqref="Y9">
    <cfRule type="cellIs" dxfId="1268" priority="1267" stopIfTrue="1" operator="equal">
      <formula>0</formula>
    </cfRule>
    <cfRule type="cellIs" dxfId="1267" priority="1268" operator="lessThanOrEqual">
      <formula>90</formula>
    </cfRule>
    <cfRule type="cellIs" dxfId="1266" priority="1269" operator="greaterThanOrEqual">
      <formula>110</formula>
    </cfRule>
  </conditionalFormatting>
  <conditionalFormatting sqref="Y10">
    <cfRule type="cellIs" dxfId="1265" priority="1264" stopIfTrue="1" operator="equal">
      <formula>0</formula>
    </cfRule>
    <cfRule type="cellIs" dxfId="1264" priority="1265" operator="lessThanOrEqual">
      <formula>90</formula>
    </cfRule>
    <cfRule type="cellIs" dxfId="1263" priority="1266" operator="greaterThanOrEqual">
      <formula>110</formula>
    </cfRule>
  </conditionalFormatting>
  <conditionalFormatting sqref="Y11">
    <cfRule type="cellIs" dxfId="1262" priority="1261" stopIfTrue="1" operator="equal">
      <formula>0</formula>
    </cfRule>
    <cfRule type="cellIs" dxfId="1261" priority="1262" operator="lessThanOrEqual">
      <formula>90</formula>
    </cfRule>
    <cfRule type="cellIs" dxfId="1260" priority="1263" operator="greaterThanOrEqual">
      <formula>110</formula>
    </cfRule>
  </conditionalFormatting>
  <conditionalFormatting sqref="Y12">
    <cfRule type="cellIs" dxfId="1259" priority="1258" stopIfTrue="1" operator="equal">
      <formula>0</formula>
    </cfRule>
    <cfRule type="cellIs" dxfId="1258" priority="1259" operator="lessThanOrEqual">
      <formula>90</formula>
    </cfRule>
    <cfRule type="cellIs" dxfId="1257" priority="1260" operator="greaterThanOrEqual">
      <formula>110</formula>
    </cfRule>
  </conditionalFormatting>
  <conditionalFormatting sqref="Y13">
    <cfRule type="cellIs" dxfId="1256" priority="1255" stopIfTrue="1" operator="equal">
      <formula>0</formula>
    </cfRule>
    <cfRule type="cellIs" dxfId="1255" priority="1256" operator="lessThanOrEqual">
      <formula>90</formula>
    </cfRule>
    <cfRule type="cellIs" dxfId="1254" priority="1257" operator="greaterThanOrEqual">
      <formula>110</formula>
    </cfRule>
  </conditionalFormatting>
  <conditionalFormatting sqref="Y14">
    <cfRule type="cellIs" dxfId="1253" priority="1252" stopIfTrue="1" operator="equal">
      <formula>0</formula>
    </cfRule>
    <cfRule type="cellIs" dxfId="1252" priority="1253" operator="lessThanOrEqual">
      <formula>90</formula>
    </cfRule>
    <cfRule type="cellIs" dxfId="1251" priority="1254" operator="greaterThanOrEqual">
      <formula>110</formula>
    </cfRule>
  </conditionalFormatting>
  <conditionalFormatting sqref="Y15">
    <cfRule type="cellIs" dxfId="1250" priority="1249" stopIfTrue="1" operator="equal">
      <formula>0</formula>
    </cfRule>
    <cfRule type="cellIs" dxfId="1249" priority="1250" operator="lessThanOrEqual">
      <formula>90</formula>
    </cfRule>
    <cfRule type="cellIs" dxfId="1248" priority="1251" operator="greaterThanOrEqual">
      <formula>110</formula>
    </cfRule>
  </conditionalFormatting>
  <conditionalFormatting sqref="Y16">
    <cfRule type="cellIs" dxfId="1247" priority="1246" stopIfTrue="1" operator="equal">
      <formula>0</formula>
    </cfRule>
    <cfRule type="cellIs" dxfId="1246" priority="1247" operator="lessThanOrEqual">
      <formula>90</formula>
    </cfRule>
    <cfRule type="cellIs" dxfId="1245" priority="1248" operator="greaterThanOrEqual">
      <formula>110</formula>
    </cfRule>
  </conditionalFormatting>
  <conditionalFormatting sqref="Y17">
    <cfRule type="cellIs" dxfId="1244" priority="1243" stopIfTrue="1" operator="equal">
      <formula>0</formula>
    </cfRule>
    <cfRule type="cellIs" dxfId="1243" priority="1244" operator="lessThanOrEqual">
      <formula>90</formula>
    </cfRule>
    <cfRule type="cellIs" dxfId="1242" priority="1245" operator="greaterThanOrEqual">
      <formula>110</formula>
    </cfRule>
  </conditionalFormatting>
  <conditionalFormatting sqref="Y18">
    <cfRule type="cellIs" dxfId="1241" priority="1240" stopIfTrue="1" operator="equal">
      <formula>0</formula>
    </cfRule>
    <cfRule type="cellIs" dxfId="1240" priority="1241" operator="lessThanOrEqual">
      <formula>90</formula>
    </cfRule>
    <cfRule type="cellIs" dxfId="1239" priority="1242" operator="greaterThanOrEqual">
      <formula>110</formula>
    </cfRule>
  </conditionalFormatting>
  <conditionalFormatting sqref="Y19">
    <cfRule type="cellIs" dxfId="1238" priority="1237" stopIfTrue="1" operator="equal">
      <formula>0</formula>
    </cfRule>
    <cfRule type="cellIs" dxfId="1237" priority="1238" operator="lessThanOrEqual">
      <formula>90</formula>
    </cfRule>
    <cfRule type="cellIs" dxfId="1236" priority="1239" operator="greaterThanOrEqual">
      <formula>110</formula>
    </cfRule>
  </conditionalFormatting>
  <conditionalFormatting sqref="Y20">
    <cfRule type="cellIs" dxfId="1235" priority="1234" stopIfTrue="1" operator="equal">
      <formula>0</formula>
    </cfRule>
    <cfRule type="cellIs" dxfId="1234" priority="1235" operator="lessThanOrEqual">
      <formula>90</formula>
    </cfRule>
    <cfRule type="cellIs" dxfId="1233" priority="1236" operator="greaterThanOrEqual">
      <formula>110</formula>
    </cfRule>
  </conditionalFormatting>
  <conditionalFormatting sqref="Y21">
    <cfRule type="cellIs" dxfId="1232" priority="1231" stopIfTrue="1" operator="equal">
      <formula>0</formula>
    </cfRule>
    <cfRule type="cellIs" dxfId="1231" priority="1232" operator="lessThanOrEqual">
      <formula>90</formula>
    </cfRule>
    <cfRule type="cellIs" dxfId="1230" priority="1233" operator="greaterThanOrEqual">
      <formula>110</formula>
    </cfRule>
  </conditionalFormatting>
  <conditionalFormatting sqref="Y22">
    <cfRule type="cellIs" dxfId="1229" priority="1228" stopIfTrue="1" operator="equal">
      <formula>0</formula>
    </cfRule>
    <cfRule type="cellIs" dxfId="1228" priority="1229" operator="lessThanOrEqual">
      <formula>90</formula>
    </cfRule>
    <cfRule type="cellIs" dxfId="1227" priority="1230" operator="greaterThanOrEqual">
      <formula>110</formula>
    </cfRule>
  </conditionalFormatting>
  <conditionalFormatting sqref="Y23">
    <cfRule type="cellIs" dxfId="1226" priority="1225" stopIfTrue="1" operator="equal">
      <formula>0</formula>
    </cfRule>
    <cfRule type="cellIs" dxfId="1225" priority="1226" operator="lessThanOrEqual">
      <formula>90</formula>
    </cfRule>
    <cfRule type="cellIs" dxfId="1224" priority="1227" operator="greaterThanOrEqual">
      <formula>110</formula>
    </cfRule>
  </conditionalFormatting>
  <conditionalFormatting sqref="Y24">
    <cfRule type="cellIs" dxfId="1223" priority="1222" stopIfTrue="1" operator="equal">
      <formula>0</formula>
    </cfRule>
    <cfRule type="cellIs" dxfId="1222" priority="1223" operator="lessThanOrEqual">
      <formula>90</formula>
    </cfRule>
    <cfRule type="cellIs" dxfId="1221" priority="1224" operator="greaterThanOrEqual">
      <formula>110</formula>
    </cfRule>
  </conditionalFormatting>
  <conditionalFormatting sqref="Y25">
    <cfRule type="cellIs" dxfId="1220" priority="1219" stopIfTrue="1" operator="equal">
      <formula>0</formula>
    </cfRule>
    <cfRule type="cellIs" dxfId="1219" priority="1220" operator="lessThanOrEqual">
      <formula>90</formula>
    </cfRule>
    <cfRule type="cellIs" dxfId="1218" priority="1221" operator="greaterThanOrEqual">
      <formula>110</formula>
    </cfRule>
  </conditionalFormatting>
  <conditionalFormatting sqref="Y26">
    <cfRule type="cellIs" dxfId="1217" priority="1216" stopIfTrue="1" operator="equal">
      <formula>0</formula>
    </cfRule>
    <cfRule type="cellIs" dxfId="1216" priority="1217" operator="lessThanOrEqual">
      <formula>90</formula>
    </cfRule>
    <cfRule type="cellIs" dxfId="1215" priority="1218" operator="greaterThanOrEqual">
      <formula>110</formula>
    </cfRule>
  </conditionalFormatting>
  <conditionalFormatting sqref="Y27">
    <cfRule type="cellIs" dxfId="1214" priority="1213" stopIfTrue="1" operator="equal">
      <formula>0</formula>
    </cfRule>
    <cfRule type="cellIs" dxfId="1213" priority="1214" operator="lessThanOrEqual">
      <formula>90</formula>
    </cfRule>
    <cfRule type="cellIs" dxfId="1212" priority="1215" operator="greaterThanOrEqual">
      <formula>110</formula>
    </cfRule>
  </conditionalFormatting>
  <conditionalFormatting sqref="Y28">
    <cfRule type="cellIs" dxfId="1211" priority="1210" stopIfTrue="1" operator="equal">
      <formula>0</formula>
    </cfRule>
    <cfRule type="cellIs" dxfId="1210" priority="1211" operator="lessThanOrEqual">
      <formula>90</formula>
    </cfRule>
    <cfRule type="cellIs" dxfId="1209" priority="1212" operator="greaterThanOrEqual">
      <formula>110</formula>
    </cfRule>
  </conditionalFormatting>
  <conditionalFormatting sqref="Y29">
    <cfRule type="cellIs" dxfId="1208" priority="1207" stopIfTrue="1" operator="equal">
      <formula>0</formula>
    </cfRule>
    <cfRule type="cellIs" dxfId="1207" priority="1208" operator="lessThanOrEqual">
      <formula>90</formula>
    </cfRule>
    <cfRule type="cellIs" dxfId="1206" priority="1209" operator="greaterThanOrEqual">
      <formula>110</formula>
    </cfRule>
  </conditionalFormatting>
  <conditionalFormatting sqref="Y30">
    <cfRule type="cellIs" dxfId="1205" priority="1204" stopIfTrue="1" operator="equal">
      <formula>0</formula>
    </cfRule>
    <cfRule type="cellIs" dxfId="1204" priority="1205" operator="lessThanOrEqual">
      <formula>90</formula>
    </cfRule>
    <cfRule type="cellIs" dxfId="1203" priority="1206" operator="greaterThanOrEqual">
      <formula>110</formula>
    </cfRule>
  </conditionalFormatting>
  <conditionalFormatting sqref="Y31">
    <cfRule type="cellIs" dxfId="1202" priority="1201" stopIfTrue="1" operator="equal">
      <formula>0</formula>
    </cfRule>
    <cfRule type="cellIs" dxfId="1201" priority="1202" operator="lessThanOrEqual">
      <formula>90</formula>
    </cfRule>
    <cfRule type="cellIs" dxfId="1200" priority="1203" operator="greaterThanOrEqual">
      <formula>110</formula>
    </cfRule>
  </conditionalFormatting>
  <conditionalFormatting sqref="Y32">
    <cfRule type="cellIs" dxfId="1199" priority="1198" stopIfTrue="1" operator="equal">
      <formula>0</formula>
    </cfRule>
    <cfRule type="cellIs" dxfId="1198" priority="1199" operator="lessThanOrEqual">
      <formula>90</formula>
    </cfRule>
    <cfRule type="cellIs" dxfId="1197" priority="1200" operator="greaterThanOrEqual">
      <formula>110</formula>
    </cfRule>
  </conditionalFormatting>
  <conditionalFormatting sqref="Y33">
    <cfRule type="cellIs" dxfId="1196" priority="1195" stopIfTrue="1" operator="equal">
      <formula>0</formula>
    </cfRule>
    <cfRule type="cellIs" dxfId="1195" priority="1196" operator="lessThanOrEqual">
      <formula>90</formula>
    </cfRule>
    <cfRule type="cellIs" dxfId="1194" priority="1197" operator="greaterThanOrEqual">
      <formula>110</formula>
    </cfRule>
  </conditionalFormatting>
  <conditionalFormatting sqref="Y34">
    <cfRule type="cellIs" dxfId="1193" priority="1192" stopIfTrue="1" operator="equal">
      <formula>0</formula>
    </cfRule>
    <cfRule type="cellIs" dxfId="1192" priority="1193" operator="lessThanOrEqual">
      <formula>90</formula>
    </cfRule>
    <cfRule type="cellIs" dxfId="1191" priority="1194" operator="greaterThanOrEqual">
      <formula>110</formula>
    </cfRule>
  </conditionalFormatting>
  <conditionalFormatting sqref="Y35">
    <cfRule type="cellIs" dxfId="1190" priority="1189" stopIfTrue="1" operator="equal">
      <formula>0</formula>
    </cfRule>
    <cfRule type="cellIs" dxfId="1189" priority="1190" operator="lessThanOrEqual">
      <formula>90</formula>
    </cfRule>
    <cfRule type="cellIs" dxfId="1188" priority="1191" operator="greaterThanOrEqual">
      <formula>110</formula>
    </cfRule>
  </conditionalFormatting>
  <conditionalFormatting sqref="Y36">
    <cfRule type="cellIs" dxfId="1187" priority="1186" stopIfTrue="1" operator="equal">
      <formula>0</formula>
    </cfRule>
    <cfRule type="cellIs" dxfId="1186" priority="1187" operator="lessThanOrEqual">
      <formula>90</formula>
    </cfRule>
    <cfRule type="cellIs" dxfId="1185" priority="1188" operator="greaterThanOrEqual">
      <formula>110</formula>
    </cfRule>
  </conditionalFormatting>
  <conditionalFormatting sqref="Y37">
    <cfRule type="cellIs" dxfId="1184" priority="1183" stopIfTrue="1" operator="equal">
      <formula>0</formula>
    </cfRule>
    <cfRule type="cellIs" dxfId="1183" priority="1184" operator="lessThanOrEqual">
      <formula>90</formula>
    </cfRule>
    <cfRule type="cellIs" dxfId="1182" priority="1185" operator="greaterThanOrEqual">
      <formula>110</formula>
    </cfRule>
  </conditionalFormatting>
  <conditionalFormatting sqref="Y38">
    <cfRule type="cellIs" dxfId="1181" priority="1180" stopIfTrue="1" operator="equal">
      <formula>0</formula>
    </cfRule>
    <cfRule type="cellIs" dxfId="1180" priority="1181" operator="lessThanOrEqual">
      <formula>90</formula>
    </cfRule>
    <cfRule type="cellIs" dxfId="1179" priority="1182" operator="greaterThanOrEqual">
      <formula>110</formula>
    </cfRule>
  </conditionalFormatting>
  <conditionalFormatting sqref="Y39">
    <cfRule type="cellIs" dxfId="1178" priority="1177" stopIfTrue="1" operator="equal">
      <formula>0</formula>
    </cfRule>
    <cfRule type="cellIs" dxfId="1177" priority="1178" operator="lessThanOrEqual">
      <formula>90</formula>
    </cfRule>
    <cfRule type="cellIs" dxfId="1176" priority="1179" operator="greaterThanOrEqual">
      <formula>110</formula>
    </cfRule>
  </conditionalFormatting>
  <conditionalFormatting sqref="Y40">
    <cfRule type="cellIs" dxfId="1175" priority="1174" stopIfTrue="1" operator="equal">
      <formula>0</formula>
    </cfRule>
    <cfRule type="cellIs" dxfId="1174" priority="1175" operator="lessThanOrEqual">
      <formula>90</formula>
    </cfRule>
    <cfRule type="cellIs" dxfId="1173" priority="1176" operator="greaterThanOrEqual">
      <formula>110</formula>
    </cfRule>
  </conditionalFormatting>
  <conditionalFormatting sqref="Y41">
    <cfRule type="cellIs" dxfId="1172" priority="1171" stopIfTrue="1" operator="equal">
      <formula>0</formula>
    </cfRule>
    <cfRule type="cellIs" dxfId="1171" priority="1172" operator="lessThanOrEqual">
      <formula>90</formula>
    </cfRule>
    <cfRule type="cellIs" dxfId="1170" priority="1173" operator="greaterThanOrEqual">
      <formula>110</formula>
    </cfRule>
  </conditionalFormatting>
  <conditionalFormatting sqref="Y42">
    <cfRule type="cellIs" dxfId="1169" priority="1168" stopIfTrue="1" operator="equal">
      <formula>0</formula>
    </cfRule>
    <cfRule type="cellIs" dxfId="1168" priority="1169" operator="lessThanOrEqual">
      <formula>90</formula>
    </cfRule>
    <cfRule type="cellIs" dxfId="1167" priority="1170" operator="greaterThanOrEqual">
      <formula>110</formula>
    </cfRule>
  </conditionalFormatting>
  <conditionalFormatting sqref="Y43">
    <cfRule type="cellIs" dxfId="1166" priority="1165" stopIfTrue="1" operator="equal">
      <formula>0</formula>
    </cfRule>
    <cfRule type="cellIs" dxfId="1165" priority="1166" operator="lessThanOrEqual">
      <formula>90</formula>
    </cfRule>
    <cfRule type="cellIs" dxfId="1164" priority="1167" operator="greaterThanOrEqual">
      <formula>110</formula>
    </cfRule>
  </conditionalFormatting>
  <conditionalFormatting sqref="Y44">
    <cfRule type="cellIs" dxfId="1163" priority="1162" stopIfTrue="1" operator="equal">
      <formula>0</formula>
    </cfRule>
    <cfRule type="cellIs" dxfId="1162" priority="1163" operator="lessThanOrEqual">
      <formula>90</formula>
    </cfRule>
    <cfRule type="cellIs" dxfId="1161" priority="1164" operator="greaterThanOrEqual">
      <formula>110</formula>
    </cfRule>
  </conditionalFormatting>
  <conditionalFormatting sqref="Y45">
    <cfRule type="cellIs" dxfId="1160" priority="1159" stopIfTrue="1" operator="equal">
      <formula>0</formula>
    </cfRule>
    <cfRule type="cellIs" dxfId="1159" priority="1160" operator="lessThanOrEqual">
      <formula>90</formula>
    </cfRule>
    <cfRule type="cellIs" dxfId="1158" priority="1161" operator="greaterThanOrEqual">
      <formula>110</formula>
    </cfRule>
  </conditionalFormatting>
  <conditionalFormatting sqref="Y46">
    <cfRule type="cellIs" dxfId="1157" priority="1156" stopIfTrue="1" operator="equal">
      <formula>0</formula>
    </cfRule>
    <cfRule type="cellIs" dxfId="1156" priority="1157" operator="lessThanOrEqual">
      <formula>90</formula>
    </cfRule>
    <cfRule type="cellIs" dxfId="1155" priority="1158" operator="greaterThanOrEqual">
      <formula>110</formula>
    </cfRule>
  </conditionalFormatting>
  <conditionalFormatting sqref="Y47">
    <cfRule type="cellIs" dxfId="1154" priority="1153" stopIfTrue="1" operator="equal">
      <formula>0</formula>
    </cfRule>
    <cfRule type="cellIs" dxfId="1153" priority="1154" operator="lessThanOrEqual">
      <formula>90</formula>
    </cfRule>
    <cfRule type="cellIs" dxfId="1152" priority="1155" operator="greaterThanOrEqual">
      <formula>110</formula>
    </cfRule>
  </conditionalFormatting>
  <conditionalFormatting sqref="Y48">
    <cfRule type="cellIs" dxfId="1151" priority="1150" stopIfTrue="1" operator="equal">
      <formula>0</formula>
    </cfRule>
    <cfRule type="cellIs" dxfId="1150" priority="1151" operator="lessThanOrEqual">
      <formula>90</formula>
    </cfRule>
    <cfRule type="cellIs" dxfId="1149" priority="1152" operator="greaterThanOrEqual">
      <formula>110</formula>
    </cfRule>
  </conditionalFormatting>
  <conditionalFormatting sqref="Y49">
    <cfRule type="cellIs" dxfId="1148" priority="1147" stopIfTrue="1" operator="equal">
      <formula>0</formula>
    </cfRule>
    <cfRule type="cellIs" dxfId="1147" priority="1148" operator="lessThanOrEqual">
      <formula>90</formula>
    </cfRule>
    <cfRule type="cellIs" dxfId="1146" priority="1149" operator="greaterThanOrEqual">
      <formula>110</formula>
    </cfRule>
  </conditionalFormatting>
  <conditionalFormatting sqref="Y50">
    <cfRule type="cellIs" dxfId="1145" priority="1144" stopIfTrue="1" operator="equal">
      <formula>0</formula>
    </cfRule>
    <cfRule type="cellIs" dxfId="1144" priority="1145" operator="lessThanOrEqual">
      <formula>90</formula>
    </cfRule>
    <cfRule type="cellIs" dxfId="1143" priority="1146" operator="greaterThanOrEqual">
      <formula>110</formula>
    </cfRule>
  </conditionalFormatting>
  <conditionalFormatting sqref="Y51">
    <cfRule type="cellIs" dxfId="1142" priority="1141" stopIfTrue="1" operator="equal">
      <formula>0</formula>
    </cfRule>
    <cfRule type="cellIs" dxfId="1141" priority="1142" operator="lessThanOrEqual">
      <formula>90</formula>
    </cfRule>
    <cfRule type="cellIs" dxfId="1140" priority="1143" operator="greaterThanOrEqual">
      <formula>110</formula>
    </cfRule>
  </conditionalFormatting>
  <conditionalFormatting sqref="Y52">
    <cfRule type="cellIs" dxfId="1139" priority="1138" stopIfTrue="1" operator="equal">
      <formula>0</formula>
    </cfRule>
    <cfRule type="cellIs" dxfId="1138" priority="1139" operator="lessThanOrEqual">
      <formula>90</formula>
    </cfRule>
    <cfRule type="cellIs" dxfId="1137" priority="1140" operator="greaterThanOrEqual">
      <formula>110</formula>
    </cfRule>
  </conditionalFormatting>
  <conditionalFormatting sqref="Y53">
    <cfRule type="cellIs" dxfId="1136" priority="1135" stopIfTrue="1" operator="equal">
      <formula>0</formula>
    </cfRule>
    <cfRule type="cellIs" dxfId="1135" priority="1136" operator="lessThanOrEqual">
      <formula>90</formula>
    </cfRule>
    <cfRule type="cellIs" dxfId="1134" priority="1137" operator="greaterThanOrEqual">
      <formula>110</formula>
    </cfRule>
  </conditionalFormatting>
  <conditionalFormatting sqref="Y54">
    <cfRule type="cellIs" dxfId="1133" priority="1132" stopIfTrue="1" operator="equal">
      <formula>0</formula>
    </cfRule>
    <cfRule type="cellIs" dxfId="1132" priority="1133" operator="lessThanOrEqual">
      <formula>90</formula>
    </cfRule>
    <cfRule type="cellIs" dxfId="1131" priority="1134" operator="greaterThanOrEqual">
      <formula>110</formula>
    </cfRule>
  </conditionalFormatting>
  <conditionalFormatting sqref="Y55">
    <cfRule type="cellIs" dxfId="1130" priority="1129" stopIfTrue="1" operator="equal">
      <formula>0</formula>
    </cfRule>
    <cfRule type="cellIs" dxfId="1129" priority="1130" operator="lessThanOrEqual">
      <formula>90</formula>
    </cfRule>
    <cfRule type="cellIs" dxfId="1128" priority="1131" operator="greaterThanOrEqual">
      <formula>110</formula>
    </cfRule>
  </conditionalFormatting>
  <conditionalFormatting sqref="Y56">
    <cfRule type="cellIs" dxfId="1127" priority="1126" stopIfTrue="1" operator="equal">
      <formula>0</formula>
    </cfRule>
    <cfRule type="cellIs" dxfId="1126" priority="1127" operator="lessThanOrEqual">
      <formula>90</formula>
    </cfRule>
    <cfRule type="cellIs" dxfId="1125" priority="1128" operator="greaterThanOrEqual">
      <formula>110</formula>
    </cfRule>
  </conditionalFormatting>
  <conditionalFormatting sqref="Y57">
    <cfRule type="cellIs" dxfId="1124" priority="1123" stopIfTrue="1" operator="equal">
      <formula>0</formula>
    </cfRule>
    <cfRule type="cellIs" dxfId="1123" priority="1124" operator="lessThanOrEqual">
      <formula>90</formula>
    </cfRule>
    <cfRule type="cellIs" dxfId="1122" priority="1125" operator="greaterThanOrEqual">
      <formula>110</formula>
    </cfRule>
  </conditionalFormatting>
  <conditionalFormatting sqref="Y58">
    <cfRule type="cellIs" dxfId="1121" priority="1120" stopIfTrue="1" operator="equal">
      <formula>0</formula>
    </cfRule>
    <cfRule type="cellIs" dxfId="1120" priority="1121" operator="lessThanOrEqual">
      <formula>90</formula>
    </cfRule>
    <cfRule type="cellIs" dxfId="1119" priority="1122" operator="greaterThanOrEqual">
      <formula>110</formula>
    </cfRule>
  </conditionalFormatting>
  <conditionalFormatting sqref="Y59">
    <cfRule type="cellIs" dxfId="1118" priority="1117" stopIfTrue="1" operator="equal">
      <formula>0</formula>
    </cfRule>
    <cfRule type="cellIs" dxfId="1117" priority="1118" operator="lessThanOrEqual">
      <formula>90</formula>
    </cfRule>
    <cfRule type="cellIs" dxfId="1116" priority="1119" operator="greaterThanOrEqual">
      <formula>110</formula>
    </cfRule>
  </conditionalFormatting>
  <conditionalFormatting sqref="Y60">
    <cfRule type="cellIs" dxfId="1115" priority="1114" stopIfTrue="1" operator="equal">
      <formula>0</formula>
    </cfRule>
    <cfRule type="cellIs" dxfId="1114" priority="1115" operator="lessThanOrEqual">
      <formula>90</formula>
    </cfRule>
    <cfRule type="cellIs" dxfId="1113" priority="1116" operator="greaterThanOrEqual">
      <formula>110</formula>
    </cfRule>
  </conditionalFormatting>
  <conditionalFormatting sqref="Y61">
    <cfRule type="cellIs" dxfId="1112" priority="1111" stopIfTrue="1" operator="equal">
      <formula>0</formula>
    </cfRule>
    <cfRule type="cellIs" dxfId="1111" priority="1112" operator="lessThanOrEqual">
      <formula>90</formula>
    </cfRule>
    <cfRule type="cellIs" dxfId="1110" priority="1113" operator="greaterThanOrEqual">
      <formula>110</formula>
    </cfRule>
  </conditionalFormatting>
  <conditionalFormatting sqref="Y62">
    <cfRule type="cellIs" dxfId="1109" priority="1108" stopIfTrue="1" operator="equal">
      <formula>0</formula>
    </cfRule>
    <cfRule type="cellIs" dxfId="1108" priority="1109" operator="lessThanOrEqual">
      <formula>90</formula>
    </cfRule>
    <cfRule type="cellIs" dxfId="1107" priority="1110" operator="greaterThanOrEqual">
      <formula>110</formula>
    </cfRule>
  </conditionalFormatting>
  <conditionalFormatting sqref="Y63">
    <cfRule type="cellIs" dxfId="1106" priority="1105" stopIfTrue="1" operator="equal">
      <formula>0</formula>
    </cfRule>
    <cfRule type="cellIs" dxfId="1105" priority="1106" operator="lessThanOrEqual">
      <formula>90</formula>
    </cfRule>
    <cfRule type="cellIs" dxfId="1104" priority="1107" operator="greaterThanOrEqual">
      <formula>110</formula>
    </cfRule>
  </conditionalFormatting>
  <conditionalFormatting sqref="Y64">
    <cfRule type="cellIs" dxfId="1103" priority="1102" stopIfTrue="1" operator="equal">
      <formula>0</formula>
    </cfRule>
    <cfRule type="cellIs" dxfId="1102" priority="1103" operator="lessThanOrEqual">
      <formula>90</formula>
    </cfRule>
    <cfRule type="cellIs" dxfId="1101" priority="1104" operator="greaterThanOrEqual">
      <formula>110</formula>
    </cfRule>
  </conditionalFormatting>
  <conditionalFormatting sqref="Y65">
    <cfRule type="cellIs" dxfId="1100" priority="1099" stopIfTrue="1" operator="equal">
      <formula>0</formula>
    </cfRule>
    <cfRule type="cellIs" dxfId="1099" priority="1100" operator="lessThanOrEqual">
      <formula>90</formula>
    </cfRule>
    <cfRule type="cellIs" dxfId="1098" priority="1101" operator="greaterThanOrEqual">
      <formula>110</formula>
    </cfRule>
  </conditionalFormatting>
  <conditionalFormatting sqref="Z5">
    <cfRule type="cellIs" dxfId="1097" priority="1096" stopIfTrue="1" operator="equal">
      <formula>0</formula>
    </cfRule>
    <cfRule type="cellIs" dxfId="1096" priority="1097" operator="lessThanOrEqual">
      <formula>90</formula>
    </cfRule>
    <cfRule type="cellIs" dxfId="1095" priority="1098" operator="greaterThanOrEqual">
      <formula>110</formula>
    </cfRule>
  </conditionalFormatting>
  <conditionalFormatting sqref="Z6">
    <cfRule type="cellIs" dxfId="1094" priority="1093" stopIfTrue="1" operator="equal">
      <formula>0</formula>
    </cfRule>
    <cfRule type="cellIs" dxfId="1093" priority="1094" operator="lessThanOrEqual">
      <formula>90</formula>
    </cfRule>
    <cfRule type="cellIs" dxfId="1092" priority="1095" operator="greaterThanOrEqual">
      <formula>110</formula>
    </cfRule>
  </conditionalFormatting>
  <conditionalFormatting sqref="Z7">
    <cfRule type="cellIs" dxfId="1091" priority="1090" stopIfTrue="1" operator="equal">
      <formula>0</formula>
    </cfRule>
    <cfRule type="cellIs" dxfId="1090" priority="1091" operator="lessThanOrEqual">
      <formula>90</formula>
    </cfRule>
    <cfRule type="cellIs" dxfId="1089" priority="1092" operator="greaterThanOrEqual">
      <formula>110</formula>
    </cfRule>
  </conditionalFormatting>
  <conditionalFormatting sqref="Z8">
    <cfRule type="cellIs" dxfId="1088" priority="1087" stopIfTrue="1" operator="equal">
      <formula>0</formula>
    </cfRule>
    <cfRule type="cellIs" dxfId="1087" priority="1088" operator="lessThanOrEqual">
      <formula>90</formula>
    </cfRule>
    <cfRule type="cellIs" dxfId="1086" priority="1089" operator="greaterThanOrEqual">
      <formula>110</formula>
    </cfRule>
  </conditionalFormatting>
  <conditionalFormatting sqref="Z9">
    <cfRule type="cellIs" dxfId="1085" priority="1084" stopIfTrue="1" operator="equal">
      <formula>0</formula>
    </cfRule>
    <cfRule type="cellIs" dxfId="1084" priority="1085" operator="lessThanOrEqual">
      <formula>90</formula>
    </cfRule>
    <cfRule type="cellIs" dxfId="1083" priority="1086" operator="greaterThanOrEqual">
      <formula>110</formula>
    </cfRule>
  </conditionalFormatting>
  <conditionalFormatting sqref="Z10">
    <cfRule type="cellIs" dxfId="1082" priority="1081" stopIfTrue="1" operator="equal">
      <formula>0</formula>
    </cfRule>
    <cfRule type="cellIs" dxfId="1081" priority="1082" operator="lessThanOrEqual">
      <formula>90</formula>
    </cfRule>
    <cfRule type="cellIs" dxfId="1080" priority="1083" operator="greaterThanOrEqual">
      <formula>110</formula>
    </cfRule>
  </conditionalFormatting>
  <conditionalFormatting sqref="Z11">
    <cfRule type="cellIs" dxfId="1079" priority="1078" stopIfTrue="1" operator="equal">
      <formula>0</formula>
    </cfRule>
    <cfRule type="cellIs" dxfId="1078" priority="1079" operator="lessThanOrEqual">
      <formula>90</formula>
    </cfRule>
    <cfRule type="cellIs" dxfId="1077" priority="1080" operator="greaterThanOrEqual">
      <formula>110</formula>
    </cfRule>
  </conditionalFormatting>
  <conditionalFormatting sqref="Z12">
    <cfRule type="cellIs" dxfId="1076" priority="1075" stopIfTrue="1" operator="equal">
      <formula>0</formula>
    </cfRule>
    <cfRule type="cellIs" dxfId="1075" priority="1076" operator="lessThanOrEqual">
      <formula>90</formula>
    </cfRule>
    <cfRule type="cellIs" dxfId="1074" priority="1077" operator="greaterThanOrEqual">
      <formula>110</formula>
    </cfRule>
  </conditionalFormatting>
  <conditionalFormatting sqref="Z13">
    <cfRule type="cellIs" dxfId="1073" priority="1072" stopIfTrue="1" operator="equal">
      <formula>0</formula>
    </cfRule>
    <cfRule type="cellIs" dxfId="1072" priority="1073" operator="lessThanOrEqual">
      <formula>90</formula>
    </cfRule>
    <cfRule type="cellIs" dxfId="1071" priority="1074" operator="greaterThanOrEqual">
      <formula>110</formula>
    </cfRule>
  </conditionalFormatting>
  <conditionalFormatting sqref="Z14">
    <cfRule type="cellIs" dxfId="1070" priority="1069" stopIfTrue="1" operator="equal">
      <formula>0</formula>
    </cfRule>
    <cfRule type="cellIs" dxfId="1069" priority="1070" operator="lessThanOrEqual">
      <formula>90</formula>
    </cfRule>
    <cfRule type="cellIs" dxfId="1068" priority="1071" operator="greaterThanOrEqual">
      <formula>110</formula>
    </cfRule>
  </conditionalFormatting>
  <conditionalFormatting sqref="Z15">
    <cfRule type="cellIs" dxfId="1067" priority="1066" stopIfTrue="1" operator="equal">
      <formula>0</formula>
    </cfRule>
    <cfRule type="cellIs" dxfId="1066" priority="1067" operator="lessThanOrEqual">
      <formula>90</formula>
    </cfRule>
    <cfRule type="cellIs" dxfId="1065" priority="1068" operator="greaterThanOrEqual">
      <formula>110</formula>
    </cfRule>
  </conditionalFormatting>
  <conditionalFormatting sqref="Z16">
    <cfRule type="cellIs" dxfId="1064" priority="1063" stopIfTrue="1" operator="equal">
      <formula>0</formula>
    </cfRule>
    <cfRule type="cellIs" dxfId="1063" priority="1064" operator="lessThanOrEqual">
      <formula>90</formula>
    </cfRule>
    <cfRule type="cellIs" dxfId="1062" priority="1065" operator="greaterThanOrEqual">
      <formula>110</formula>
    </cfRule>
  </conditionalFormatting>
  <conditionalFormatting sqref="Z17">
    <cfRule type="cellIs" dxfId="1061" priority="1060" stopIfTrue="1" operator="equal">
      <formula>0</formula>
    </cfRule>
    <cfRule type="cellIs" dxfId="1060" priority="1061" operator="lessThanOrEqual">
      <formula>90</formula>
    </cfRule>
    <cfRule type="cellIs" dxfId="1059" priority="1062" operator="greaterThanOrEqual">
      <formula>110</formula>
    </cfRule>
  </conditionalFormatting>
  <conditionalFormatting sqref="Z18">
    <cfRule type="cellIs" dxfId="1058" priority="1057" stopIfTrue="1" operator="equal">
      <formula>0</formula>
    </cfRule>
    <cfRule type="cellIs" dxfId="1057" priority="1058" operator="lessThanOrEqual">
      <formula>90</formula>
    </cfRule>
    <cfRule type="cellIs" dxfId="1056" priority="1059" operator="greaterThanOrEqual">
      <formula>110</formula>
    </cfRule>
  </conditionalFormatting>
  <conditionalFormatting sqref="Z19">
    <cfRule type="cellIs" dxfId="1055" priority="1054" stopIfTrue="1" operator="equal">
      <formula>0</formula>
    </cfRule>
    <cfRule type="cellIs" dxfId="1054" priority="1055" operator="lessThanOrEqual">
      <formula>90</formula>
    </cfRule>
    <cfRule type="cellIs" dxfId="1053" priority="1056" operator="greaterThanOrEqual">
      <formula>110</formula>
    </cfRule>
  </conditionalFormatting>
  <conditionalFormatting sqref="Z20">
    <cfRule type="cellIs" dxfId="1052" priority="1051" stopIfTrue="1" operator="equal">
      <formula>0</formula>
    </cfRule>
    <cfRule type="cellIs" dxfId="1051" priority="1052" operator="lessThanOrEqual">
      <formula>90</formula>
    </cfRule>
    <cfRule type="cellIs" dxfId="1050" priority="1053" operator="greaterThanOrEqual">
      <formula>110</formula>
    </cfRule>
  </conditionalFormatting>
  <conditionalFormatting sqref="Z21">
    <cfRule type="cellIs" dxfId="1049" priority="1048" stopIfTrue="1" operator="equal">
      <formula>0</formula>
    </cfRule>
    <cfRule type="cellIs" dxfId="1048" priority="1049" operator="lessThanOrEqual">
      <formula>90</formula>
    </cfRule>
    <cfRule type="cellIs" dxfId="1047" priority="1050" operator="greaterThanOrEqual">
      <formula>110</formula>
    </cfRule>
  </conditionalFormatting>
  <conditionalFormatting sqref="Z22">
    <cfRule type="cellIs" dxfId="1046" priority="1045" stopIfTrue="1" operator="equal">
      <formula>0</formula>
    </cfRule>
    <cfRule type="cellIs" dxfId="1045" priority="1046" operator="lessThanOrEqual">
      <formula>90</formula>
    </cfRule>
    <cfRule type="cellIs" dxfId="1044" priority="1047" operator="greaterThanOrEqual">
      <formula>110</formula>
    </cfRule>
  </conditionalFormatting>
  <conditionalFormatting sqref="Z23">
    <cfRule type="cellIs" dxfId="1043" priority="1042" stopIfTrue="1" operator="equal">
      <formula>0</formula>
    </cfRule>
    <cfRule type="cellIs" dxfId="1042" priority="1043" operator="lessThanOrEqual">
      <formula>90</formula>
    </cfRule>
    <cfRule type="cellIs" dxfId="1041" priority="1044" operator="greaterThanOrEqual">
      <formula>110</formula>
    </cfRule>
  </conditionalFormatting>
  <conditionalFormatting sqref="Z24">
    <cfRule type="cellIs" dxfId="1040" priority="1039" stopIfTrue="1" operator="equal">
      <formula>0</formula>
    </cfRule>
    <cfRule type="cellIs" dxfId="1039" priority="1040" operator="lessThanOrEqual">
      <formula>90</formula>
    </cfRule>
    <cfRule type="cellIs" dxfId="1038" priority="1041" operator="greaterThanOrEqual">
      <formula>110</formula>
    </cfRule>
  </conditionalFormatting>
  <conditionalFormatting sqref="Z25">
    <cfRule type="cellIs" dxfId="1037" priority="1036" stopIfTrue="1" operator="equal">
      <formula>0</formula>
    </cfRule>
    <cfRule type="cellIs" dxfId="1036" priority="1037" operator="lessThanOrEqual">
      <formula>90</formula>
    </cfRule>
    <cfRule type="cellIs" dxfId="1035" priority="1038" operator="greaterThanOrEqual">
      <formula>110</formula>
    </cfRule>
  </conditionalFormatting>
  <conditionalFormatting sqref="Z26">
    <cfRule type="cellIs" dxfId="1034" priority="1033" stopIfTrue="1" operator="equal">
      <formula>0</formula>
    </cfRule>
    <cfRule type="cellIs" dxfId="1033" priority="1034" operator="lessThanOrEqual">
      <formula>90</formula>
    </cfRule>
    <cfRule type="cellIs" dxfId="1032" priority="1035" operator="greaterThanOrEqual">
      <formula>110</formula>
    </cfRule>
  </conditionalFormatting>
  <conditionalFormatting sqref="Z27">
    <cfRule type="cellIs" dxfId="1031" priority="1030" stopIfTrue="1" operator="equal">
      <formula>0</formula>
    </cfRule>
    <cfRule type="cellIs" dxfId="1030" priority="1031" operator="lessThanOrEqual">
      <formula>90</formula>
    </cfRule>
    <cfRule type="cellIs" dxfId="1029" priority="1032" operator="greaterThanOrEqual">
      <formula>110</formula>
    </cfRule>
  </conditionalFormatting>
  <conditionalFormatting sqref="Z28">
    <cfRule type="cellIs" dxfId="1028" priority="1027" stopIfTrue="1" operator="equal">
      <formula>0</formula>
    </cfRule>
    <cfRule type="cellIs" dxfId="1027" priority="1028" operator="lessThanOrEqual">
      <formula>90</formula>
    </cfRule>
    <cfRule type="cellIs" dxfId="1026" priority="1029" operator="greaterThanOrEqual">
      <formula>110</formula>
    </cfRule>
  </conditionalFormatting>
  <conditionalFormatting sqref="Z29">
    <cfRule type="cellIs" dxfId="1025" priority="1024" stopIfTrue="1" operator="equal">
      <formula>0</formula>
    </cfRule>
    <cfRule type="cellIs" dxfId="1024" priority="1025" operator="lessThanOrEqual">
      <formula>90</formula>
    </cfRule>
    <cfRule type="cellIs" dxfId="1023" priority="1026" operator="greaterThanOrEqual">
      <formula>110</formula>
    </cfRule>
  </conditionalFormatting>
  <conditionalFormatting sqref="Z30">
    <cfRule type="cellIs" dxfId="1022" priority="1021" stopIfTrue="1" operator="equal">
      <formula>0</formula>
    </cfRule>
    <cfRule type="cellIs" dxfId="1021" priority="1022" operator="lessThanOrEqual">
      <formula>90</formula>
    </cfRule>
    <cfRule type="cellIs" dxfId="1020" priority="1023" operator="greaterThanOrEqual">
      <formula>110</formula>
    </cfRule>
  </conditionalFormatting>
  <conditionalFormatting sqref="Z31">
    <cfRule type="cellIs" dxfId="1019" priority="1018" stopIfTrue="1" operator="equal">
      <formula>0</formula>
    </cfRule>
    <cfRule type="cellIs" dxfId="1018" priority="1019" operator="lessThanOrEqual">
      <formula>90</formula>
    </cfRule>
    <cfRule type="cellIs" dxfId="1017" priority="1020" operator="greaterThanOrEqual">
      <formula>110</formula>
    </cfRule>
  </conditionalFormatting>
  <conditionalFormatting sqref="Z32">
    <cfRule type="cellIs" dxfId="1016" priority="1015" stopIfTrue="1" operator="equal">
      <formula>0</formula>
    </cfRule>
    <cfRule type="cellIs" dxfId="1015" priority="1016" operator="lessThanOrEqual">
      <formula>90</formula>
    </cfRule>
    <cfRule type="cellIs" dxfId="1014" priority="1017" operator="greaterThanOrEqual">
      <formula>110</formula>
    </cfRule>
  </conditionalFormatting>
  <conditionalFormatting sqref="Z33">
    <cfRule type="cellIs" dxfId="1013" priority="1012" stopIfTrue="1" operator="equal">
      <formula>0</formula>
    </cfRule>
    <cfRule type="cellIs" dxfId="1012" priority="1013" operator="lessThanOrEqual">
      <formula>90</formula>
    </cfRule>
    <cfRule type="cellIs" dxfId="1011" priority="1014" operator="greaterThanOrEqual">
      <formula>110</formula>
    </cfRule>
  </conditionalFormatting>
  <conditionalFormatting sqref="Z34">
    <cfRule type="cellIs" dxfId="1010" priority="1009" stopIfTrue="1" operator="equal">
      <formula>0</formula>
    </cfRule>
    <cfRule type="cellIs" dxfId="1009" priority="1010" operator="lessThanOrEqual">
      <formula>90</formula>
    </cfRule>
    <cfRule type="cellIs" dxfId="1008" priority="1011" operator="greaterThanOrEqual">
      <formula>110</formula>
    </cfRule>
  </conditionalFormatting>
  <conditionalFormatting sqref="Z35">
    <cfRule type="cellIs" dxfId="1007" priority="1006" stopIfTrue="1" operator="equal">
      <formula>0</formula>
    </cfRule>
    <cfRule type="cellIs" dxfId="1006" priority="1007" operator="lessThanOrEqual">
      <formula>90</formula>
    </cfRule>
    <cfRule type="cellIs" dxfId="1005" priority="1008" operator="greaterThanOrEqual">
      <formula>110</formula>
    </cfRule>
  </conditionalFormatting>
  <conditionalFormatting sqref="Z36">
    <cfRule type="cellIs" dxfId="1004" priority="1003" stopIfTrue="1" operator="equal">
      <formula>0</formula>
    </cfRule>
    <cfRule type="cellIs" dxfId="1003" priority="1004" operator="lessThanOrEqual">
      <formula>90</formula>
    </cfRule>
    <cfRule type="cellIs" dxfId="1002" priority="1005" operator="greaterThanOrEqual">
      <formula>110</formula>
    </cfRule>
  </conditionalFormatting>
  <conditionalFormatting sqref="Z37">
    <cfRule type="cellIs" dxfId="1001" priority="1000" stopIfTrue="1" operator="equal">
      <formula>0</formula>
    </cfRule>
    <cfRule type="cellIs" dxfId="1000" priority="1001" operator="lessThanOrEqual">
      <formula>90</formula>
    </cfRule>
    <cfRule type="cellIs" dxfId="999" priority="1002" operator="greaterThanOrEqual">
      <formula>110</formula>
    </cfRule>
  </conditionalFormatting>
  <conditionalFormatting sqref="Z38">
    <cfRule type="cellIs" dxfId="998" priority="997" stopIfTrue="1" operator="equal">
      <formula>0</formula>
    </cfRule>
    <cfRule type="cellIs" dxfId="997" priority="998" operator="lessThanOrEqual">
      <formula>90</formula>
    </cfRule>
    <cfRule type="cellIs" dxfId="996" priority="999" operator="greaterThanOrEqual">
      <formula>110</formula>
    </cfRule>
  </conditionalFormatting>
  <conditionalFormatting sqref="Z39">
    <cfRule type="cellIs" dxfId="995" priority="994" stopIfTrue="1" operator="equal">
      <formula>0</formula>
    </cfRule>
    <cfRule type="cellIs" dxfId="994" priority="995" operator="lessThanOrEqual">
      <formula>90</formula>
    </cfRule>
    <cfRule type="cellIs" dxfId="993" priority="996" operator="greaterThanOrEqual">
      <formula>110</formula>
    </cfRule>
  </conditionalFormatting>
  <conditionalFormatting sqref="Z40">
    <cfRule type="cellIs" dxfId="992" priority="991" stopIfTrue="1" operator="equal">
      <formula>0</formula>
    </cfRule>
    <cfRule type="cellIs" dxfId="991" priority="992" operator="lessThanOrEqual">
      <formula>90</formula>
    </cfRule>
    <cfRule type="cellIs" dxfId="990" priority="993" operator="greaterThanOrEqual">
      <formula>110</formula>
    </cfRule>
  </conditionalFormatting>
  <conditionalFormatting sqref="Z41">
    <cfRule type="cellIs" dxfId="989" priority="988" stopIfTrue="1" operator="equal">
      <formula>0</formula>
    </cfRule>
    <cfRule type="cellIs" dxfId="988" priority="989" operator="lessThanOrEqual">
      <formula>90</formula>
    </cfRule>
    <cfRule type="cellIs" dxfId="987" priority="990" operator="greaterThanOrEqual">
      <formula>110</formula>
    </cfRule>
  </conditionalFormatting>
  <conditionalFormatting sqref="Z42">
    <cfRule type="cellIs" dxfId="986" priority="985" stopIfTrue="1" operator="equal">
      <formula>0</formula>
    </cfRule>
    <cfRule type="cellIs" dxfId="985" priority="986" operator="lessThanOrEqual">
      <formula>90</formula>
    </cfRule>
    <cfRule type="cellIs" dxfId="984" priority="987" operator="greaterThanOrEqual">
      <formula>110</formula>
    </cfRule>
  </conditionalFormatting>
  <conditionalFormatting sqref="Z43">
    <cfRule type="cellIs" dxfId="983" priority="982" stopIfTrue="1" operator="equal">
      <formula>0</formula>
    </cfRule>
    <cfRule type="cellIs" dxfId="982" priority="983" operator="lessThanOrEqual">
      <formula>90</formula>
    </cfRule>
    <cfRule type="cellIs" dxfId="981" priority="984" operator="greaterThanOrEqual">
      <formula>110</formula>
    </cfRule>
  </conditionalFormatting>
  <conditionalFormatting sqref="Z44">
    <cfRule type="cellIs" dxfId="980" priority="979" stopIfTrue="1" operator="equal">
      <formula>0</formula>
    </cfRule>
    <cfRule type="cellIs" dxfId="979" priority="980" operator="lessThanOrEqual">
      <formula>90</formula>
    </cfRule>
    <cfRule type="cellIs" dxfId="978" priority="981" operator="greaterThanOrEqual">
      <formula>110</formula>
    </cfRule>
  </conditionalFormatting>
  <conditionalFormatting sqref="Z45">
    <cfRule type="cellIs" dxfId="977" priority="976" stopIfTrue="1" operator="equal">
      <formula>0</formula>
    </cfRule>
    <cfRule type="cellIs" dxfId="976" priority="977" operator="lessThanOrEqual">
      <formula>90</formula>
    </cfRule>
    <cfRule type="cellIs" dxfId="975" priority="978" operator="greaterThanOrEqual">
      <formula>110</formula>
    </cfRule>
  </conditionalFormatting>
  <conditionalFormatting sqref="Z46">
    <cfRule type="cellIs" dxfId="974" priority="973" stopIfTrue="1" operator="equal">
      <formula>0</formula>
    </cfRule>
    <cfRule type="cellIs" dxfId="973" priority="974" operator="lessThanOrEqual">
      <formula>90</formula>
    </cfRule>
    <cfRule type="cellIs" dxfId="972" priority="975" operator="greaterThanOrEqual">
      <formula>110</formula>
    </cfRule>
  </conditionalFormatting>
  <conditionalFormatting sqref="Z47">
    <cfRule type="cellIs" dxfId="971" priority="970" stopIfTrue="1" operator="equal">
      <formula>0</formula>
    </cfRule>
    <cfRule type="cellIs" dxfId="970" priority="971" operator="lessThanOrEqual">
      <formula>90</formula>
    </cfRule>
    <cfRule type="cellIs" dxfId="969" priority="972" operator="greaterThanOrEqual">
      <formula>110</formula>
    </cfRule>
  </conditionalFormatting>
  <conditionalFormatting sqref="Z48">
    <cfRule type="cellIs" dxfId="968" priority="967" stopIfTrue="1" operator="equal">
      <formula>0</formula>
    </cfRule>
    <cfRule type="cellIs" dxfId="967" priority="968" operator="lessThanOrEqual">
      <formula>90</formula>
    </cfRule>
    <cfRule type="cellIs" dxfId="966" priority="969" operator="greaterThanOrEqual">
      <formula>110</formula>
    </cfRule>
  </conditionalFormatting>
  <conditionalFormatting sqref="Z49">
    <cfRule type="cellIs" dxfId="965" priority="964" stopIfTrue="1" operator="equal">
      <formula>0</formula>
    </cfRule>
    <cfRule type="cellIs" dxfId="964" priority="965" operator="lessThanOrEqual">
      <formula>90</formula>
    </cfRule>
    <cfRule type="cellIs" dxfId="963" priority="966" operator="greaterThanOrEqual">
      <formula>110</formula>
    </cfRule>
  </conditionalFormatting>
  <conditionalFormatting sqref="Z50">
    <cfRule type="cellIs" dxfId="962" priority="961" stopIfTrue="1" operator="equal">
      <formula>0</formula>
    </cfRule>
    <cfRule type="cellIs" dxfId="961" priority="962" operator="lessThanOrEqual">
      <formula>90</formula>
    </cfRule>
    <cfRule type="cellIs" dxfId="960" priority="963" operator="greaterThanOrEqual">
      <formula>110</formula>
    </cfRule>
  </conditionalFormatting>
  <conditionalFormatting sqref="Z51">
    <cfRule type="cellIs" dxfId="959" priority="958" stopIfTrue="1" operator="equal">
      <formula>0</formula>
    </cfRule>
    <cfRule type="cellIs" dxfId="958" priority="959" operator="lessThanOrEqual">
      <formula>90</formula>
    </cfRule>
    <cfRule type="cellIs" dxfId="957" priority="960" operator="greaterThanOrEqual">
      <formula>110</formula>
    </cfRule>
  </conditionalFormatting>
  <conditionalFormatting sqref="Z52">
    <cfRule type="cellIs" dxfId="956" priority="955" stopIfTrue="1" operator="equal">
      <formula>0</formula>
    </cfRule>
    <cfRule type="cellIs" dxfId="955" priority="956" operator="lessThanOrEqual">
      <formula>90</formula>
    </cfRule>
    <cfRule type="cellIs" dxfId="954" priority="957" operator="greaterThanOrEqual">
      <formula>110</formula>
    </cfRule>
  </conditionalFormatting>
  <conditionalFormatting sqref="Z53">
    <cfRule type="cellIs" dxfId="953" priority="952" stopIfTrue="1" operator="equal">
      <formula>0</formula>
    </cfRule>
    <cfRule type="cellIs" dxfId="952" priority="953" operator="lessThanOrEqual">
      <formula>90</formula>
    </cfRule>
    <cfRule type="cellIs" dxfId="951" priority="954" operator="greaterThanOrEqual">
      <formula>110</formula>
    </cfRule>
  </conditionalFormatting>
  <conditionalFormatting sqref="Z54">
    <cfRule type="cellIs" dxfId="950" priority="949" stopIfTrue="1" operator="equal">
      <formula>0</formula>
    </cfRule>
    <cfRule type="cellIs" dxfId="949" priority="950" operator="lessThanOrEqual">
      <formula>90</formula>
    </cfRule>
    <cfRule type="cellIs" dxfId="948" priority="951" operator="greaterThanOrEqual">
      <formula>110</formula>
    </cfRule>
  </conditionalFormatting>
  <conditionalFormatting sqref="Z55">
    <cfRule type="cellIs" dxfId="947" priority="946" stopIfTrue="1" operator="equal">
      <formula>0</formula>
    </cfRule>
    <cfRule type="cellIs" dxfId="946" priority="947" operator="lessThanOrEqual">
      <formula>90</formula>
    </cfRule>
    <cfRule type="cellIs" dxfId="945" priority="948" operator="greaterThanOrEqual">
      <formula>110</formula>
    </cfRule>
  </conditionalFormatting>
  <conditionalFormatting sqref="Z56">
    <cfRule type="cellIs" dxfId="944" priority="943" stopIfTrue="1" operator="equal">
      <formula>0</formula>
    </cfRule>
    <cfRule type="cellIs" dxfId="943" priority="944" operator="lessThanOrEqual">
      <formula>90</formula>
    </cfRule>
    <cfRule type="cellIs" dxfId="942" priority="945" operator="greaterThanOrEqual">
      <formula>110</formula>
    </cfRule>
  </conditionalFormatting>
  <conditionalFormatting sqref="Z57">
    <cfRule type="cellIs" dxfId="941" priority="940" stopIfTrue="1" operator="equal">
      <formula>0</formula>
    </cfRule>
    <cfRule type="cellIs" dxfId="940" priority="941" operator="lessThanOrEqual">
      <formula>90</formula>
    </cfRule>
    <cfRule type="cellIs" dxfId="939" priority="942" operator="greaterThanOrEqual">
      <formula>110</formula>
    </cfRule>
  </conditionalFormatting>
  <conditionalFormatting sqref="Z58">
    <cfRule type="cellIs" dxfId="938" priority="937" stopIfTrue="1" operator="equal">
      <formula>0</formula>
    </cfRule>
    <cfRule type="cellIs" dxfId="937" priority="938" operator="lessThanOrEqual">
      <formula>90</formula>
    </cfRule>
    <cfRule type="cellIs" dxfId="936" priority="939" operator="greaterThanOrEqual">
      <formula>110</formula>
    </cfRule>
  </conditionalFormatting>
  <conditionalFormatting sqref="Z59">
    <cfRule type="cellIs" dxfId="935" priority="934" stopIfTrue="1" operator="equal">
      <formula>0</formula>
    </cfRule>
    <cfRule type="cellIs" dxfId="934" priority="935" operator="lessThanOrEqual">
      <formula>90</formula>
    </cfRule>
    <cfRule type="cellIs" dxfId="933" priority="936" operator="greaterThanOrEqual">
      <formula>110</formula>
    </cfRule>
  </conditionalFormatting>
  <conditionalFormatting sqref="Z60">
    <cfRule type="cellIs" dxfId="932" priority="931" stopIfTrue="1" operator="equal">
      <formula>0</formula>
    </cfRule>
    <cfRule type="cellIs" dxfId="931" priority="932" operator="lessThanOrEqual">
      <formula>90</formula>
    </cfRule>
    <cfRule type="cellIs" dxfId="930" priority="933" operator="greaterThanOrEqual">
      <formula>110</formula>
    </cfRule>
  </conditionalFormatting>
  <conditionalFormatting sqref="Z61">
    <cfRule type="cellIs" dxfId="929" priority="928" stopIfTrue="1" operator="equal">
      <formula>0</formula>
    </cfRule>
    <cfRule type="cellIs" dxfId="928" priority="929" operator="lessThanOrEqual">
      <formula>90</formula>
    </cfRule>
    <cfRule type="cellIs" dxfId="927" priority="930" operator="greaterThanOrEqual">
      <formula>110</formula>
    </cfRule>
  </conditionalFormatting>
  <conditionalFormatting sqref="Z62">
    <cfRule type="cellIs" dxfId="926" priority="925" stopIfTrue="1" operator="equal">
      <formula>0</formula>
    </cfRule>
    <cfRule type="cellIs" dxfId="925" priority="926" operator="lessThanOrEqual">
      <formula>90</formula>
    </cfRule>
    <cfRule type="cellIs" dxfId="924" priority="927" operator="greaterThanOrEqual">
      <formula>110</formula>
    </cfRule>
  </conditionalFormatting>
  <conditionalFormatting sqref="Z63">
    <cfRule type="cellIs" dxfId="923" priority="922" stopIfTrue="1" operator="equal">
      <formula>0</formula>
    </cfRule>
    <cfRule type="cellIs" dxfId="922" priority="923" operator="lessThanOrEqual">
      <formula>90</formula>
    </cfRule>
    <cfRule type="cellIs" dxfId="921" priority="924" operator="greaterThanOrEqual">
      <formula>110</formula>
    </cfRule>
  </conditionalFormatting>
  <conditionalFormatting sqref="Z64">
    <cfRule type="cellIs" dxfId="920" priority="919" stopIfTrue="1" operator="equal">
      <formula>0</formula>
    </cfRule>
    <cfRule type="cellIs" dxfId="919" priority="920" operator="lessThanOrEqual">
      <formula>90</formula>
    </cfRule>
    <cfRule type="cellIs" dxfId="918" priority="921" operator="greaterThanOrEqual">
      <formula>110</formula>
    </cfRule>
  </conditionalFormatting>
  <conditionalFormatting sqref="Z65">
    <cfRule type="cellIs" dxfId="917" priority="916" stopIfTrue="1" operator="equal">
      <formula>0</formula>
    </cfRule>
    <cfRule type="cellIs" dxfId="916" priority="917" operator="lessThanOrEqual">
      <formula>90</formula>
    </cfRule>
    <cfRule type="cellIs" dxfId="915" priority="918" operator="greaterThanOrEqual">
      <formula>110</formula>
    </cfRule>
  </conditionalFormatting>
  <conditionalFormatting sqref="AA5">
    <cfRule type="cellIs" dxfId="914" priority="913" stopIfTrue="1" operator="equal">
      <formula>0</formula>
    </cfRule>
    <cfRule type="cellIs" dxfId="913" priority="914" operator="lessThanOrEqual">
      <formula>90</formula>
    </cfRule>
    <cfRule type="cellIs" dxfId="912" priority="915" operator="greaterThanOrEqual">
      <formula>110</formula>
    </cfRule>
  </conditionalFormatting>
  <conditionalFormatting sqref="AA6">
    <cfRule type="cellIs" dxfId="911" priority="910" stopIfTrue="1" operator="equal">
      <formula>0</formula>
    </cfRule>
    <cfRule type="cellIs" dxfId="910" priority="911" operator="lessThanOrEqual">
      <formula>90</formula>
    </cfRule>
    <cfRule type="cellIs" dxfId="909" priority="912" operator="greaterThanOrEqual">
      <formula>110</formula>
    </cfRule>
  </conditionalFormatting>
  <conditionalFormatting sqref="AA7">
    <cfRule type="cellIs" dxfId="908" priority="907" stopIfTrue="1" operator="equal">
      <formula>0</formula>
    </cfRule>
    <cfRule type="cellIs" dxfId="907" priority="908" operator="lessThanOrEqual">
      <formula>90</formula>
    </cfRule>
    <cfRule type="cellIs" dxfId="906" priority="909" operator="greaterThanOrEqual">
      <formula>110</formula>
    </cfRule>
  </conditionalFormatting>
  <conditionalFormatting sqref="AA8">
    <cfRule type="cellIs" dxfId="905" priority="904" stopIfTrue="1" operator="equal">
      <formula>0</formula>
    </cfRule>
    <cfRule type="cellIs" dxfId="904" priority="905" operator="lessThanOrEqual">
      <formula>90</formula>
    </cfRule>
    <cfRule type="cellIs" dxfId="903" priority="906" operator="greaterThanOrEqual">
      <formula>110</formula>
    </cfRule>
  </conditionalFormatting>
  <conditionalFormatting sqref="AA9">
    <cfRule type="cellIs" dxfId="902" priority="901" stopIfTrue="1" operator="equal">
      <formula>0</formula>
    </cfRule>
    <cfRule type="cellIs" dxfId="901" priority="902" operator="lessThanOrEqual">
      <formula>90</formula>
    </cfRule>
    <cfRule type="cellIs" dxfId="900" priority="903" operator="greaterThanOrEqual">
      <formula>110</formula>
    </cfRule>
  </conditionalFormatting>
  <conditionalFormatting sqref="AA10">
    <cfRule type="cellIs" dxfId="899" priority="898" stopIfTrue="1" operator="equal">
      <formula>0</formula>
    </cfRule>
    <cfRule type="cellIs" dxfId="898" priority="899" operator="lessThanOrEqual">
      <formula>90</formula>
    </cfRule>
    <cfRule type="cellIs" dxfId="897" priority="900" operator="greaterThanOrEqual">
      <formula>110</formula>
    </cfRule>
  </conditionalFormatting>
  <conditionalFormatting sqref="AA11">
    <cfRule type="cellIs" dxfId="896" priority="895" stopIfTrue="1" operator="equal">
      <formula>0</formula>
    </cfRule>
    <cfRule type="cellIs" dxfId="895" priority="896" operator="lessThanOrEqual">
      <formula>90</formula>
    </cfRule>
    <cfRule type="cellIs" dxfId="894" priority="897" operator="greaterThanOrEqual">
      <formula>110</formula>
    </cfRule>
  </conditionalFormatting>
  <conditionalFormatting sqref="AA12">
    <cfRule type="cellIs" dxfId="893" priority="892" stopIfTrue="1" operator="equal">
      <formula>0</formula>
    </cfRule>
    <cfRule type="cellIs" dxfId="892" priority="893" operator="lessThanOrEqual">
      <formula>90</formula>
    </cfRule>
    <cfRule type="cellIs" dxfId="891" priority="894" operator="greaterThanOrEqual">
      <formula>110</formula>
    </cfRule>
  </conditionalFormatting>
  <conditionalFormatting sqref="AA13">
    <cfRule type="cellIs" dxfId="890" priority="889" stopIfTrue="1" operator="equal">
      <formula>0</formula>
    </cfRule>
    <cfRule type="cellIs" dxfId="889" priority="890" operator="lessThanOrEqual">
      <formula>90</formula>
    </cfRule>
    <cfRule type="cellIs" dxfId="888" priority="891" operator="greaterThanOrEqual">
      <formula>110</formula>
    </cfRule>
  </conditionalFormatting>
  <conditionalFormatting sqref="AA14">
    <cfRule type="cellIs" dxfId="887" priority="886" stopIfTrue="1" operator="equal">
      <formula>0</formula>
    </cfRule>
    <cfRule type="cellIs" dxfId="886" priority="887" operator="lessThanOrEqual">
      <formula>90</formula>
    </cfRule>
    <cfRule type="cellIs" dxfId="885" priority="888" operator="greaterThanOrEqual">
      <formula>110</formula>
    </cfRule>
  </conditionalFormatting>
  <conditionalFormatting sqref="AA15">
    <cfRule type="cellIs" dxfId="884" priority="883" stopIfTrue="1" operator="equal">
      <formula>0</formula>
    </cfRule>
    <cfRule type="cellIs" dxfId="883" priority="884" operator="lessThanOrEqual">
      <formula>90</formula>
    </cfRule>
    <cfRule type="cellIs" dxfId="882" priority="885" operator="greaterThanOrEqual">
      <formula>110</formula>
    </cfRule>
  </conditionalFormatting>
  <conditionalFormatting sqref="AA16">
    <cfRule type="cellIs" dxfId="881" priority="880" stopIfTrue="1" operator="equal">
      <formula>0</formula>
    </cfRule>
    <cfRule type="cellIs" dxfId="880" priority="881" operator="lessThanOrEqual">
      <formula>90</formula>
    </cfRule>
    <cfRule type="cellIs" dxfId="879" priority="882" operator="greaterThanOrEqual">
      <formula>110</formula>
    </cfRule>
  </conditionalFormatting>
  <conditionalFormatting sqref="AA17">
    <cfRule type="cellIs" dxfId="878" priority="877" stopIfTrue="1" operator="equal">
      <formula>0</formula>
    </cfRule>
    <cfRule type="cellIs" dxfId="877" priority="878" operator="lessThanOrEqual">
      <formula>90</formula>
    </cfRule>
    <cfRule type="cellIs" dxfId="876" priority="879" operator="greaterThanOrEqual">
      <formula>110</formula>
    </cfRule>
  </conditionalFormatting>
  <conditionalFormatting sqref="AA18">
    <cfRule type="cellIs" dxfId="875" priority="874" stopIfTrue="1" operator="equal">
      <formula>0</formula>
    </cfRule>
    <cfRule type="cellIs" dxfId="874" priority="875" operator="lessThanOrEqual">
      <formula>90</formula>
    </cfRule>
    <cfRule type="cellIs" dxfId="873" priority="876" operator="greaterThanOrEqual">
      <formula>110</formula>
    </cfRule>
  </conditionalFormatting>
  <conditionalFormatting sqref="AA19">
    <cfRule type="cellIs" dxfId="872" priority="871" stopIfTrue="1" operator="equal">
      <formula>0</formula>
    </cfRule>
    <cfRule type="cellIs" dxfId="871" priority="872" operator="lessThanOrEqual">
      <formula>90</formula>
    </cfRule>
    <cfRule type="cellIs" dxfId="870" priority="873" operator="greaterThanOrEqual">
      <formula>110</formula>
    </cfRule>
  </conditionalFormatting>
  <conditionalFormatting sqref="AA20">
    <cfRule type="cellIs" dxfId="869" priority="868" stopIfTrue="1" operator="equal">
      <formula>0</formula>
    </cfRule>
    <cfRule type="cellIs" dxfId="868" priority="869" operator="lessThanOrEqual">
      <formula>90</formula>
    </cfRule>
    <cfRule type="cellIs" dxfId="867" priority="870" operator="greaterThanOrEqual">
      <formula>110</formula>
    </cfRule>
  </conditionalFormatting>
  <conditionalFormatting sqref="AA21">
    <cfRule type="cellIs" dxfId="866" priority="865" stopIfTrue="1" operator="equal">
      <formula>0</formula>
    </cfRule>
    <cfRule type="cellIs" dxfId="865" priority="866" operator="lessThanOrEqual">
      <formula>90</formula>
    </cfRule>
    <cfRule type="cellIs" dxfId="864" priority="867" operator="greaterThanOrEqual">
      <formula>110</formula>
    </cfRule>
  </conditionalFormatting>
  <conditionalFormatting sqref="AA22">
    <cfRule type="cellIs" dxfId="863" priority="862" stopIfTrue="1" operator="equal">
      <formula>0</formula>
    </cfRule>
    <cfRule type="cellIs" dxfId="862" priority="863" operator="lessThanOrEqual">
      <formula>90</formula>
    </cfRule>
    <cfRule type="cellIs" dxfId="861" priority="864" operator="greaterThanOrEqual">
      <formula>110</formula>
    </cfRule>
  </conditionalFormatting>
  <conditionalFormatting sqref="AA23">
    <cfRule type="cellIs" dxfId="860" priority="859" stopIfTrue="1" operator="equal">
      <formula>0</formula>
    </cfRule>
    <cfRule type="cellIs" dxfId="859" priority="860" operator="lessThanOrEqual">
      <formula>90</formula>
    </cfRule>
    <cfRule type="cellIs" dxfId="858" priority="861" operator="greaterThanOrEqual">
      <formula>110</formula>
    </cfRule>
  </conditionalFormatting>
  <conditionalFormatting sqref="AA24">
    <cfRule type="cellIs" dxfId="857" priority="856" stopIfTrue="1" operator="equal">
      <formula>0</formula>
    </cfRule>
    <cfRule type="cellIs" dxfId="856" priority="857" operator="lessThanOrEqual">
      <formula>90</formula>
    </cfRule>
    <cfRule type="cellIs" dxfId="855" priority="858" operator="greaterThanOrEqual">
      <formula>110</formula>
    </cfRule>
  </conditionalFormatting>
  <conditionalFormatting sqref="AA25">
    <cfRule type="cellIs" dxfId="854" priority="853" stopIfTrue="1" operator="equal">
      <formula>0</formula>
    </cfRule>
    <cfRule type="cellIs" dxfId="853" priority="854" operator="lessThanOrEqual">
      <formula>90</formula>
    </cfRule>
    <cfRule type="cellIs" dxfId="852" priority="855" operator="greaterThanOrEqual">
      <formula>110</formula>
    </cfRule>
  </conditionalFormatting>
  <conditionalFormatting sqref="AA26">
    <cfRule type="cellIs" dxfId="851" priority="850" stopIfTrue="1" operator="equal">
      <formula>0</formula>
    </cfRule>
    <cfRule type="cellIs" dxfId="850" priority="851" operator="lessThanOrEqual">
      <formula>90</formula>
    </cfRule>
    <cfRule type="cellIs" dxfId="849" priority="852" operator="greaterThanOrEqual">
      <formula>110</formula>
    </cfRule>
  </conditionalFormatting>
  <conditionalFormatting sqref="AA27">
    <cfRule type="cellIs" dxfId="848" priority="847" stopIfTrue="1" operator="equal">
      <formula>0</formula>
    </cfRule>
    <cfRule type="cellIs" dxfId="847" priority="848" operator="lessThanOrEqual">
      <formula>90</formula>
    </cfRule>
    <cfRule type="cellIs" dxfId="846" priority="849" operator="greaterThanOrEqual">
      <formula>110</formula>
    </cfRule>
  </conditionalFormatting>
  <conditionalFormatting sqref="AA28">
    <cfRule type="cellIs" dxfId="845" priority="844" stopIfTrue="1" operator="equal">
      <formula>0</formula>
    </cfRule>
    <cfRule type="cellIs" dxfId="844" priority="845" operator="lessThanOrEqual">
      <formula>90</formula>
    </cfRule>
    <cfRule type="cellIs" dxfId="843" priority="846" operator="greaterThanOrEqual">
      <formula>110</formula>
    </cfRule>
  </conditionalFormatting>
  <conditionalFormatting sqref="AA29">
    <cfRule type="cellIs" dxfId="842" priority="841" stopIfTrue="1" operator="equal">
      <formula>0</formula>
    </cfRule>
    <cfRule type="cellIs" dxfId="841" priority="842" operator="lessThanOrEqual">
      <formula>90</formula>
    </cfRule>
    <cfRule type="cellIs" dxfId="840" priority="843" operator="greaterThanOrEqual">
      <formula>110</formula>
    </cfRule>
  </conditionalFormatting>
  <conditionalFormatting sqref="AA30">
    <cfRule type="cellIs" dxfId="839" priority="838" stopIfTrue="1" operator="equal">
      <formula>0</formula>
    </cfRule>
    <cfRule type="cellIs" dxfId="838" priority="839" operator="lessThanOrEqual">
      <formula>90</formula>
    </cfRule>
    <cfRule type="cellIs" dxfId="837" priority="840" operator="greaterThanOrEqual">
      <formula>110</formula>
    </cfRule>
  </conditionalFormatting>
  <conditionalFormatting sqref="AA31">
    <cfRule type="cellIs" dxfId="836" priority="835" stopIfTrue="1" operator="equal">
      <formula>0</formula>
    </cfRule>
    <cfRule type="cellIs" dxfId="835" priority="836" operator="lessThanOrEqual">
      <formula>90</formula>
    </cfRule>
    <cfRule type="cellIs" dxfId="834" priority="837" operator="greaterThanOrEqual">
      <formula>110</formula>
    </cfRule>
  </conditionalFormatting>
  <conditionalFormatting sqref="AA32">
    <cfRule type="cellIs" dxfId="833" priority="832" stopIfTrue="1" operator="equal">
      <formula>0</formula>
    </cfRule>
    <cfRule type="cellIs" dxfId="832" priority="833" operator="lessThanOrEqual">
      <formula>90</formula>
    </cfRule>
    <cfRule type="cellIs" dxfId="831" priority="834" operator="greaterThanOrEqual">
      <formula>110</formula>
    </cfRule>
  </conditionalFormatting>
  <conditionalFormatting sqref="AA33">
    <cfRule type="cellIs" dxfId="830" priority="829" stopIfTrue="1" operator="equal">
      <formula>0</formula>
    </cfRule>
    <cfRule type="cellIs" dxfId="829" priority="830" operator="lessThanOrEqual">
      <formula>90</formula>
    </cfRule>
    <cfRule type="cellIs" dxfId="828" priority="831" operator="greaterThanOrEqual">
      <formula>110</formula>
    </cfRule>
  </conditionalFormatting>
  <conditionalFormatting sqref="AA34">
    <cfRule type="cellIs" dxfId="827" priority="826" stopIfTrue="1" operator="equal">
      <formula>0</formula>
    </cfRule>
    <cfRule type="cellIs" dxfId="826" priority="827" operator="lessThanOrEqual">
      <formula>90</formula>
    </cfRule>
    <cfRule type="cellIs" dxfId="825" priority="828" operator="greaterThanOrEqual">
      <formula>110</formula>
    </cfRule>
  </conditionalFormatting>
  <conditionalFormatting sqref="AA35">
    <cfRule type="cellIs" dxfId="824" priority="823" stopIfTrue="1" operator="equal">
      <formula>0</formula>
    </cfRule>
    <cfRule type="cellIs" dxfId="823" priority="824" operator="lessThanOrEqual">
      <formula>90</formula>
    </cfRule>
    <cfRule type="cellIs" dxfId="822" priority="825" operator="greaterThanOrEqual">
      <formula>110</formula>
    </cfRule>
  </conditionalFormatting>
  <conditionalFormatting sqref="AA36">
    <cfRule type="cellIs" dxfId="821" priority="820" stopIfTrue="1" operator="equal">
      <formula>0</formula>
    </cfRule>
    <cfRule type="cellIs" dxfId="820" priority="821" operator="lessThanOrEqual">
      <formula>90</formula>
    </cfRule>
    <cfRule type="cellIs" dxfId="819" priority="822" operator="greaterThanOrEqual">
      <formula>110</formula>
    </cfRule>
  </conditionalFormatting>
  <conditionalFormatting sqref="AA37">
    <cfRule type="cellIs" dxfId="818" priority="817" stopIfTrue="1" operator="equal">
      <formula>0</formula>
    </cfRule>
    <cfRule type="cellIs" dxfId="817" priority="818" operator="lessThanOrEqual">
      <formula>90</formula>
    </cfRule>
    <cfRule type="cellIs" dxfId="816" priority="819" operator="greaterThanOrEqual">
      <formula>110</formula>
    </cfRule>
  </conditionalFormatting>
  <conditionalFormatting sqref="AA38">
    <cfRule type="cellIs" dxfId="815" priority="814" stopIfTrue="1" operator="equal">
      <formula>0</formula>
    </cfRule>
    <cfRule type="cellIs" dxfId="814" priority="815" operator="lessThanOrEqual">
      <formula>90</formula>
    </cfRule>
    <cfRule type="cellIs" dxfId="813" priority="816" operator="greaterThanOrEqual">
      <formula>110</formula>
    </cfRule>
  </conditionalFormatting>
  <conditionalFormatting sqref="AA39">
    <cfRule type="cellIs" dxfId="812" priority="811" stopIfTrue="1" operator="equal">
      <formula>0</formula>
    </cfRule>
    <cfRule type="cellIs" dxfId="811" priority="812" operator="lessThanOrEqual">
      <formula>90</formula>
    </cfRule>
    <cfRule type="cellIs" dxfId="810" priority="813" operator="greaterThanOrEqual">
      <formula>110</formula>
    </cfRule>
  </conditionalFormatting>
  <conditionalFormatting sqref="AA40">
    <cfRule type="cellIs" dxfId="809" priority="808" stopIfTrue="1" operator="equal">
      <formula>0</formula>
    </cfRule>
    <cfRule type="cellIs" dxfId="808" priority="809" operator="lessThanOrEqual">
      <formula>90</formula>
    </cfRule>
    <cfRule type="cellIs" dxfId="807" priority="810" operator="greaterThanOrEqual">
      <formula>110</formula>
    </cfRule>
  </conditionalFormatting>
  <conditionalFormatting sqref="AA41">
    <cfRule type="cellIs" dxfId="806" priority="805" stopIfTrue="1" operator="equal">
      <formula>0</formula>
    </cfRule>
    <cfRule type="cellIs" dxfId="805" priority="806" operator="lessThanOrEqual">
      <formula>90</formula>
    </cfRule>
    <cfRule type="cellIs" dxfId="804" priority="807" operator="greaterThanOrEqual">
      <formula>110</formula>
    </cfRule>
  </conditionalFormatting>
  <conditionalFormatting sqref="AA42">
    <cfRule type="cellIs" dxfId="803" priority="802" stopIfTrue="1" operator="equal">
      <formula>0</formula>
    </cfRule>
    <cfRule type="cellIs" dxfId="802" priority="803" operator="lessThanOrEqual">
      <formula>90</formula>
    </cfRule>
    <cfRule type="cellIs" dxfId="801" priority="804" operator="greaterThanOrEqual">
      <formula>110</formula>
    </cfRule>
  </conditionalFormatting>
  <conditionalFormatting sqref="AA43">
    <cfRule type="cellIs" dxfId="800" priority="799" stopIfTrue="1" operator="equal">
      <formula>0</formula>
    </cfRule>
    <cfRule type="cellIs" dxfId="799" priority="800" operator="lessThanOrEqual">
      <formula>90</formula>
    </cfRule>
    <cfRule type="cellIs" dxfId="798" priority="801" operator="greaterThanOrEqual">
      <formula>110</formula>
    </cfRule>
  </conditionalFormatting>
  <conditionalFormatting sqref="AA44">
    <cfRule type="cellIs" dxfId="797" priority="796" stopIfTrue="1" operator="equal">
      <formula>0</formula>
    </cfRule>
    <cfRule type="cellIs" dxfId="796" priority="797" operator="lessThanOrEqual">
      <formula>90</formula>
    </cfRule>
    <cfRule type="cellIs" dxfId="795" priority="798" operator="greaterThanOrEqual">
      <formula>110</formula>
    </cfRule>
  </conditionalFormatting>
  <conditionalFormatting sqref="AA45">
    <cfRule type="cellIs" dxfId="794" priority="793" stopIfTrue="1" operator="equal">
      <formula>0</formula>
    </cfRule>
    <cfRule type="cellIs" dxfId="793" priority="794" operator="lessThanOrEqual">
      <formula>90</formula>
    </cfRule>
    <cfRule type="cellIs" dxfId="792" priority="795" operator="greaterThanOrEqual">
      <formula>110</formula>
    </cfRule>
  </conditionalFormatting>
  <conditionalFormatting sqref="AA46">
    <cfRule type="cellIs" dxfId="791" priority="790" stopIfTrue="1" operator="equal">
      <formula>0</formula>
    </cfRule>
    <cfRule type="cellIs" dxfId="790" priority="791" operator="lessThanOrEqual">
      <formula>90</formula>
    </cfRule>
    <cfRule type="cellIs" dxfId="789" priority="792" operator="greaterThanOrEqual">
      <formula>110</formula>
    </cfRule>
  </conditionalFormatting>
  <conditionalFormatting sqref="AA47">
    <cfRule type="cellIs" dxfId="788" priority="787" stopIfTrue="1" operator="equal">
      <formula>0</formula>
    </cfRule>
    <cfRule type="cellIs" dxfId="787" priority="788" operator="lessThanOrEqual">
      <formula>90</formula>
    </cfRule>
    <cfRule type="cellIs" dxfId="786" priority="789" operator="greaterThanOrEqual">
      <formula>110</formula>
    </cfRule>
  </conditionalFormatting>
  <conditionalFormatting sqref="AA48">
    <cfRule type="cellIs" dxfId="785" priority="784" stopIfTrue="1" operator="equal">
      <formula>0</formula>
    </cfRule>
    <cfRule type="cellIs" dxfId="784" priority="785" operator="lessThanOrEqual">
      <formula>90</formula>
    </cfRule>
    <cfRule type="cellIs" dxfId="783" priority="786" operator="greaterThanOrEqual">
      <formula>110</formula>
    </cfRule>
  </conditionalFormatting>
  <conditionalFormatting sqref="AA49">
    <cfRule type="cellIs" dxfId="782" priority="781" stopIfTrue="1" operator="equal">
      <formula>0</formula>
    </cfRule>
    <cfRule type="cellIs" dxfId="781" priority="782" operator="lessThanOrEqual">
      <formula>90</formula>
    </cfRule>
    <cfRule type="cellIs" dxfId="780" priority="783" operator="greaterThanOrEqual">
      <formula>110</formula>
    </cfRule>
  </conditionalFormatting>
  <conditionalFormatting sqref="AA50">
    <cfRule type="cellIs" dxfId="779" priority="778" stopIfTrue="1" operator="equal">
      <formula>0</formula>
    </cfRule>
    <cfRule type="cellIs" dxfId="778" priority="779" operator="lessThanOrEqual">
      <formula>90</formula>
    </cfRule>
    <cfRule type="cellIs" dxfId="777" priority="780" operator="greaterThanOrEqual">
      <formula>110</formula>
    </cfRule>
  </conditionalFormatting>
  <conditionalFormatting sqref="AA51">
    <cfRule type="cellIs" dxfId="776" priority="775" stopIfTrue="1" operator="equal">
      <formula>0</formula>
    </cfRule>
    <cfRule type="cellIs" dxfId="775" priority="776" operator="lessThanOrEqual">
      <formula>90</formula>
    </cfRule>
    <cfRule type="cellIs" dxfId="774" priority="777" operator="greaterThanOrEqual">
      <formula>110</formula>
    </cfRule>
  </conditionalFormatting>
  <conditionalFormatting sqref="AA52">
    <cfRule type="cellIs" dxfId="773" priority="772" stopIfTrue="1" operator="equal">
      <formula>0</formula>
    </cfRule>
    <cfRule type="cellIs" dxfId="772" priority="773" operator="lessThanOrEqual">
      <formula>90</formula>
    </cfRule>
    <cfRule type="cellIs" dxfId="771" priority="774" operator="greaterThanOrEqual">
      <formula>110</formula>
    </cfRule>
  </conditionalFormatting>
  <conditionalFormatting sqref="AA53">
    <cfRule type="cellIs" dxfId="770" priority="769" stopIfTrue="1" operator="equal">
      <formula>0</formula>
    </cfRule>
    <cfRule type="cellIs" dxfId="769" priority="770" operator="lessThanOrEqual">
      <formula>90</formula>
    </cfRule>
    <cfRule type="cellIs" dxfId="768" priority="771" operator="greaterThanOrEqual">
      <formula>110</formula>
    </cfRule>
  </conditionalFormatting>
  <conditionalFormatting sqref="AA54">
    <cfRule type="cellIs" dxfId="767" priority="766" stopIfTrue="1" operator="equal">
      <formula>0</formula>
    </cfRule>
    <cfRule type="cellIs" dxfId="766" priority="767" operator="lessThanOrEqual">
      <formula>90</formula>
    </cfRule>
    <cfRule type="cellIs" dxfId="765" priority="768" operator="greaterThanOrEqual">
      <formula>110</formula>
    </cfRule>
  </conditionalFormatting>
  <conditionalFormatting sqref="AA55">
    <cfRule type="cellIs" dxfId="764" priority="763" stopIfTrue="1" operator="equal">
      <formula>0</formula>
    </cfRule>
    <cfRule type="cellIs" dxfId="763" priority="764" operator="lessThanOrEqual">
      <formula>90</formula>
    </cfRule>
    <cfRule type="cellIs" dxfId="762" priority="765" operator="greaterThanOrEqual">
      <formula>110</formula>
    </cfRule>
  </conditionalFormatting>
  <conditionalFormatting sqref="AA56">
    <cfRule type="cellIs" dxfId="761" priority="760" stopIfTrue="1" operator="equal">
      <formula>0</formula>
    </cfRule>
    <cfRule type="cellIs" dxfId="760" priority="761" operator="lessThanOrEqual">
      <formula>90</formula>
    </cfRule>
    <cfRule type="cellIs" dxfId="759" priority="762" operator="greaterThanOrEqual">
      <formula>110</formula>
    </cfRule>
  </conditionalFormatting>
  <conditionalFormatting sqref="AA57">
    <cfRule type="cellIs" dxfId="758" priority="757" stopIfTrue="1" operator="equal">
      <formula>0</formula>
    </cfRule>
    <cfRule type="cellIs" dxfId="757" priority="758" operator="lessThanOrEqual">
      <formula>90</formula>
    </cfRule>
    <cfRule type="cellIs" dxfId="756" priority="759" operator="greaterThanOrEqual">
      <formula>110</formula>
    </cfRule>
  </conditionalFormatting>
  <conditionalFormatting sqref="AA58">
    <cfRule type="cellIs" dxfId="755" priority="754" stopIfTrue="1" operator="equal">
      <formula>0</formula>
    </cfRule>
    <cfRule type="cellIs" dxfId="754" priority="755" operator="lessThanOrEqual">
      <formula>90</formula>
    </cfRule>
    <cfRule type="cellIs" dxfId="753" priority="756" operator="greaterThanOrEqual">
      <formula>110</formula>
    </cfRule>
  </conditionalFormatting>
  <conditionalFormatting sqref="AA59">
    <cfRule type="cellIs" dxfId="752" priority="751" stopIfTrue="1" operator="equal">
      <formula>0</formula>
    </cfRule>
    <cfRule type="cellIs" dxfId="751" priority="752" operator="lessThanOrEqual">
      <formula>90</formula>
    </cfRule>
    <cfRule type="cellIs" dxfId="750" priority="753" operator="greaterThanOrEqual">
      <formula>110</formula>
    </cfRule>
  </conditionalFormatting>
  <conditionalFormatting sqref="AA60">
    <cfRule type="cellIs" dxfId="749" priority="748" stopIfTrue="1" operator="equal">
      <formula>0</formula>
    </cfRule>
    <cfRule type="cellIs" dxfId="748" priority="749" operator="lessThanOrEqual">
      <formula>90</formula>
    </cfRule>
    <cfRule type="cellIs" dxfId="747" priority="750" operator="greaterThanOrEqual">
      <formula>110</formula>
    </cfRule>
  </conditionalFormatting>
  <conditionalFormatting sqref="AA61">
    <cfRule type="cellIs" dxfId="746" priority="745" stopIfTrue="1" operator="equal">
      <formula>0</formula>
    </cfRule>
    <cfRule type="cellIs" dxfId="745" priority="746" operator="lessThanOrEqual">
      <formula>90</formula>
    </cfRule>
    <cfRule type="cellIs" dxfId="744" priority="747" operator="greaterThanOrEqual">
      <formula>110</formula>
    </cfRule>
  </conditionalFormatting>
  <conditionalFormatting sqref="AA62">
    <cfRule type="cellIs" dxfId="743" priority="742" stopIfTrue="1" operator="equal">
      <formula>0</formula>
    </cfRule>
    <cfRule type="cellIs" dxfId="742" priority="743" operator="lessThanOrEqual">
      <formula>90</formula>
    </cfRule>
    <cfRule type="cellIs" dxfId="741" priority="744" operator="greaterThanOrEqual">
      <formula>110</formula>
    </cfRule>
  </conditionalFormatting>
  <conditionalFormatting sqref="AA63">
    <cfRule type="cellIs" dxfId="740" priority="739" stopIfTrue="1" operator="equal">
      <formula>0</formula>
    </cfRule>
    <cfRule type="cellIs" dxfId="739" priority="740" operator="lessThanOrEqual">
      <formula>90</formula>
    </cfRule>
    <cfRule type="cellIs" dxfId="738" priority="741" operator="greaterThanOrEqual">
      <formula>110</formula>
    </cfRule>
  </conditionalFormatting>
  <conditionalFormatting sqref="AA64">
    <cfRule type="cellIs" dxfId="737" priority="736" stopIfTrue="1" operator="equal">
      <formula>0</formula>
    </cfRule>
    <cfRule type="cellIs" dxfId="736" priority="737" operator="lessThanOrEqual">
      <formula>90</formula>
    </cfRule>
    <cfRule type="cellIs" dxfId="735" priority="738" operator="greaterThanOrEqual">
      <formula>110</formula>
    </cfRule>
  </conditionalFormatting>
  <conditionalFormatting sqref="AA65">
    <cfRule type="cellIs" dxfId="734" priority="733" stopIfTrue="1" operator="equal">
      <formula>0</formula>
    </cfRule>
    <cfRule type="cellIs" dxfId="733" priority="734" operator="lessThanOrEqual">
      <formula>90</formula>
    </cfRule>
    <cfRule type="cellIs" dxfId="732" priority="735" operator="greaterThanOrEqual">
      <formula>110</formula>
    </cfRule>
  </conditionalFormatting>
  <conditionalFormatting sqref="AB5">
    <cfRule type="cellIs" dxfId="731" priority="730" stopIfTrue="1" operator="equal">
      <formula>0</formula>
    </cfRule>
    <cfRule type="cellIs" dxfId="730" priority="731" operator="lessThanOrEqual">
      <formula>90</formula>
    </cfRule>
    <cfRule type="cellIs" dxfId="729" priority="732" operator="greaterThanOrEqual">
      <formula>110</formula>
    </cfRule>
  </conditionalFormatting>
  <conditionalFormatting sqref="AB6">
    <cfRule type="cellIs" dxfId="728" priority="727" stopIfTrue="1" operator="equal">
      <formula>0</formula>
    </cfRule>
    <cfRule type="cellIs" dxfId="727" priority="728" operator="lessThanOrEqual">
      <formula>90</formula>
    </cfRule>
    <cfRule type="cellIs" dxfId="726" priority="729" operator="greaterThanOrEqual">
      <formula>110</formula>
    </cfRule>
  </conditionalFormatting>
  <conditionalFormatting sqref="AB7">
    <cfRule type="cellIs" dxfId="725" priority="724" stopIfTrue="1" operator="equal">
      <formula>0</formula>
    </cfRule>
    <cfRule type="cellIs" dxfId="724" priority="725" operator="lessThanOrEqual">
      <formula>90</formula>
    </cfRule>
    <cfRule type="cellIs" dxfId="723" priority="726" operator="greaterThanOrEqual">
      <formula>110</formula>
    </cfRule>
  </conditionalFormatting>
  <conditionalFormatting sqref="AB8">
    <cfRule type="cellIs" dxfId="722" priority="721" stopIfTrue="1" operator="equal">
      <formula>0</formula>
    </cfRule>
    <cfRule type="cellIs" dxfId="721" priority="722" operator="lessThanOrEqual">
      <formula>90</formula>
    </cfRule>
    <cfRule type="cellIs" dxfId="720" priority="723" operator="greaterThanOrEqual">
      <formula>110</formula>
    </cfRule>
  </conditionalFormatting>
  <conditionalFormatting sqref="AB9">
    <cfRule type="cellIs" dxfId="719" priority="718" stopIfTrue="1" operator="equal">
      <formula>0</formula>
    </cfRule>
    <cfRule type="cellIs" dxfId="718" priority="719" operator="lessThanOrEqual">
      <formula>90</formula>
    </cfRule>
    <cfRule type="cellIs" dxfId="717" priority="720" operator="greaterThanOrEqual">
      <formula>110</formula>
    </cfRule>
  </conditionalFormatting>
  <conditionalFormatting sqref="AB10">
    <cfRule type="cellIs" dxfId="716" priority="715" stopIfTrue="1" operator="equal">
      <formula>0</formula>
    </cfRule>
    <cfRule type="cellIs" dxfId="715" priority="716" operator="lessThanOrEqual">
      <formula>90</formula>
    </cfRule>
    <cfRule type="cellIs" dxfId="714" priority="717" operator="greaterThanOrEqual">
      <formula>110</formula>
    </cfRule>
  </conditionalFormatting>
  <conditionalFormatting sqref="AB11">
    <cfRule type="cellIs" dxfId="713" priority="712" stopIfTrue="1" operator="equal">
      <formula>0</formula>
    </cfRule>
    <cfRule type="cellIs" dxfId="712" priority="713" operator="lessThanOrEqual">
      <formula>90</formula>
    </cfRule>
    <cfRule type="cellIs" dxfId="711" priority="714" operator="greaterThanOrEqual">
      <formula>110</formula>
    </cfRule>
  </conditionalFormatting>
  <conditionalFormatting sqref="AB12">
    <cfRule type="cellIs" dxfId="710" priority="709" stopIfTrue="1" operator="equal">
      <formula>0</formula>
    </cfRule>
    <cfRule type="cellIs" dxfId="709" priority="710" operator="lessThanOrEqual">
      <formula>90</formula>
    </cfRule>
    <cfRule type="cellIs" dxfId="708" priority="711" operator="greaterThanOrEqual">
      <formula>110</formula>
    </cfRule>
  </conditionalFormatting>
  <conditionalFormatting sqref="AB13">
    <cfRule type="cellIs" dxfId="707" priority="706" stopIfTrue="1" operator="equal">
      <formula>0</formula>
    </cfRule>
    <cfRule type="cellIs" dxfId="706" priority="707" operator="lessThanOrEqual">
      <formula>90</formula>
    </cfRule>
    <cfRule type="cellIs" dxfId="705" priority="708" operator="greaterThanOrEqual">
      <formula>110</formula>
    </cfRule>
  </conditionalFormatting>
  <conditionalFormatting sqref="AB14">
    <cfRule type="cellIs" dxfId="704" priority="703" stopIfTrue="1" operator="equal">
      <formula>0</formula>
    </cfRule>
    <cfRule type="cellIs" dxfId="703" priority="704" operator="lessThanOrEqual">
      <formula>90</formula>
    </cfRule>
    <cfRule type="cellIs" dxfId="702" priority="705" operator="greaterThanOrEqual">
      <formula>110</formula>
    </cfRule>
  </conditionalFormatting>
  <conditionalFormatting sqref="AB15">
    <cfRule type="cellIs" dxfId="701" priority="700" stopIfTrue="1" operator="equal">
      <formula>0</formula>
    </cfRule>
    <cfRule type="cellIs" dxfId="700" priority="701" operator="lessThanOrEqual">
      <formula>90</formula>
    </cfRule>
    <cfRule type="cellIs" dxfId="699" priority="702" operator="greaterThanOrEqual">
      <formula>110</formula>
    </cfRule>
  </conditionalFormatting>
  <conditionalFormatting sqref="AB16">
    <cfRule type="cellIs" dxfId="698" priority="697" stopIfTrue="1" operator="equal">
      <formula>0</formula>
    </cfRule>
    <cfRule type="cellIs" dxfId="697" priority="698" operator="lessThanOrEqual">
      <formula>90</formula>
    </cfRule>
    <cfRule type="cellIs" dxfId="696" priority="699" operator="greaterThanOrEqual">
      <formula>110</formula>
    </cfRule>
  </conditionalFormatting>
  <conditionalFormatting sqref="AB17">
    <cfRule type="cellIs" dxfId="695" priority="694" stopIfTrue="1" operator="equal">
      <formula>0</formula>
    </cfRule>
    <cfRule type="cellIs" dxfId="694" priority="695" operator="lessThanOrEqual">
      <formula>90</formula>
    </cfRule>
    <cfRule type="cellIs" dxfId="693" priority="696" operator="greaterThanOrEqual">
      <formula>110</formula>
    </cfRule>
  </conditionalFormatting>
  <conditionalFormatting sqref="AB18">
    <cfRule type="cellIs" dxfId="692" priority="691" stopIfTrue="1" operator="equal">
      <formula>0</formula>
    </cfRule>
    <cfRule type="cellIs" dxfId="691" priority="692" operator="lessThanOrEqual">
      <formula>90</formula>
    </cfRule>
    <cfRule type="cellIs" dxfId="690" priority="693" operator="greaterThanOrEqual">
      <formula>110</formula>
    </cfRule>
  </conditionalFormatting>
  <conditionalFormatting sqref="AB19">
    <cfRule type="cellIs" dxfId="689" priority="688" stopIfTrue="1" operator="equal">
      <formula>0</formula>
    </cfRule>
    <cfRule type="cellIs" dxfId="688" priority="689" operator="lessThanOrEqual">
      <formula>90</formula>
    </cfRule>
    <cfRule type="cellIs" dxfId="687" priority="690" operator="greaterThanOrEqual">
      <formula>110</formula>
    </cfRule>
  </conditionalFormatting>
  <conditionalFormatting sqref="AB20">
    <cfRule type="cellIs" dxfId="686" priority="685" stopIfTrue="1" operator="equal">
      <formula>0</formula>
    </cfRule>
    <cfRule type="cellIs" dxfId="685" priority="686" operator="lessThanOrEqual">
      <formula>90</formula>
    </cfRule>
    <cfRule type="cellIs" dxfId="684" priority="687" operator="greaterThanOrEqual">
      <formula>110</formula>
    </cfRule>
  </conditionalFormatting>
  <conditionalFormatting sqref="AB21">
    <cfRule type="cellIs" dxfId="683" priority="682" stopIfTrue="1" operator="equal">
      <formula>0</formula>
    </cfRule>
    <cfRule type="cellIs" dxfId="682" priority="683" operator="lessThanOrEqual">
      <formula>90</formula>
    </cfRule>
    <cfRule type="cellIs" dxfId="681" priority="684" operator="greaterThanOrEqual">
      <formula>110</formula>
    </cfRule>
  </conditionalFormatting>
  <conditionalFormatting sqref="AB22">
    <cfRule type="cellIs" dxfId="680" priority="679" stopIfTrue="1" operator="equal">
      <formula>0</formula>
    </cfRule>
    <cfRule type="cellIs" dxfId="679" priority="680" operator="lessThanOrEqual">
      <formula>90</formula>
    </cfRule>
    <cfRule type="cellIs" dxfId="678" priority="681" operator="greaterThanOrEqual">
      <formula>110</formula>
    </cfRule>
  </conditionalFormatting>
  <conditionalFormatting sqref="AB23">
    <cfRule type="cellIs" dxfId="677" priority="676" stopIfTrue="1" operator="equal">
      <formula>0</formula>
    </cfRule>
    <cfRule type="cellIs" dxfId="676" priority="677" operator="lessThanOrEqual">
      <formula>90</formula>
    </cfRule>
    <cfRule type="cellIs" dxfId="675" priority="678" operator="greaterThanOrEqual">
      <formula>110</formula>
    </cfRule>
  </conditionalFormatting>
  <conditionalFormatting sqref="AB24">
    <cfRule type="cellIs" dxfId="674" priority="673" stopIfTrue="1" operator="equal">
      <formula>0</formula>
    </cfRule>
    <cfRule type="cellIs" dxfId="673" priority="674" operator="lessThanOrEqual">
      <formula>90</formula>
    </cfRule>
    <cfRule type="cellIs" dxfId="672" priority="675" operator="greaterThanOrEqual">
      <formula>110</formula>
    </cfRule>
  </conditionalFormatting>
  <conditionalFormatting sqref="AB25">
    <cfRule type="cellIs" dxfId="671" priority="670" stopIfTrue="1" operator="equal">
      <formula>0</formula>
    </cfRule>
    <cfRule type="cellIs" dxfId="670" priority="671" operator="lessThanOrEqual">
      <formula>90</formula>
    </cfRule>
    <cfRule type="cellIs" dxfId="669" priority="672" operator="greaterThanOrEqual">
      <formula>110</formula>
    </cfRule>
  </conditionalFormatting>
  <conditionalFormatting sqref="AB26">
    <cfRule type="cellIs" dxfId="668" priority="667" stopIfTrue="1" operator="equal">
      <formula>0</formula>
    </cfRule>
    <cfRule type="cellIs" dxfId="667" priority="668" operator="lessThanOrEqual">
      <formula>90</formula>
    </cfRule>
    <cfRule type="cellIs" dxfId="666" priority="669" operator="greaterThanOrEqual">
      <formula>110</formula>
    </cfRule>
  </conditionalFormatting>
  <conditionalFormatting sqref="AB27">
    <cfRule type="cellIs" dxfId="665" priority="664" stopIfTrue="1" operator="equal">
      <formula>0</formula>
    </cfRule>
    <cfRule type="cellIs" dxfId="664" priority="665" operator="lessThanOrEqual">
      <formula>90</formula>
    </cfRule>
    <cfRule type="cellIs" dxfId="663" priority="666" operator="greaterThanOrEqual">
      <formula>110</formula>
    </cfRule>
  </conditionalFormatting>
  <conditionalFormatting sqref="AB28">
    <cfRule type="cellIs" dxfId="662" priority="661" stopIfTrue="1" operator="equal">
      <formula>0</formula>
    </cfRule>
    <cfRule type="cellIs" dxfId="661" priority="662" operator="lessThanOrEqual">
      <formula>90</formula>
    </cfRule>
    <cfRule type="cellIs" dxfId="660" priority="663" operator="greaterThanOrEqual">
      <formula>110</formula>
    </cfRule>
  </conditionalFormatting>
  <conditionalFormatting sqref="AB29">
    <cfRule type="cellIs" dxfId="659" priority="658" stopIfTrue="1" operator="equal">
      <formula>0</formula>
    </cfRule>
    <cfRule type="cellIs" dxfId="658" priority="659" operator="lessThanOrEqual">
      <formula>90</formula>
    </cfRule>
    <cfRule type="cellIs" dxfId="657" priority="660" operator="greaterThanOrEqual">
      <formula>110</formula>
    </cfRule>
  </conditionalFormatting>
  <conditionalFormatting sqref="AB30">
    <cfRule type="cellIs" dxfId="656" priority="655" stopIfTrue="1" operator="equal">
      <formula>0</formula>
    </cfRule>
    <cfRule type="cellIs" dxfId="655" priority="656" operator="lessThanOrEqual">
      <formula>90</formula>
    </cfRule>
    <cfRule type="cellIs" dxfId="654" priority="657" operator="greaterThanOrEqual">
      <formula>110</formula>
    </cfRule>
  </conditionalFormatting>
  <conditionalFormatting sqref="AB31">
    <cfRule type="cellIs" dxfId="653" priority="652" stopIfTrue="1" operator="equal">
      <formula>0</formula>
    </cfRule>
    <cfRule type="cellIs" dxfId="652" priority="653" operator="lessThanOrEqual">
      <formula>90</formula>
    </cfRule>
    <cfRule type="cellIs" dxfId="651" priority="654" operator="greaterThanOrEqual">
      <formula>110</formula>
    </cfRule>
  </conditionalFormatting>
  <conditionalFormatting sqref="AB32">
    <cfRule type="cellIs" dxfId="650" priority="649" stopIfTrue="1" operator="equal">
      <formula>0</formula>
    </cfRule>
    <cfRule type="cellIs" dxfId="649" priority="650" operator="lessThanOrEqual">
      <formula>90</formula>
    </cfRule>
    <cfRule type="cellIs" dxfId="648" priority="651" operator="greaterThanOrEqual">
      <formula>110</formula>
    </cfRule>
  </conditionalFormatting>
  <conditionalFormatting sqref="AB33">
    <cfRule type="cellIs" dxfId="647" priority="646" stopIfTrue="1" operator="equal">
      <formula>0</formula>
    </cfRule>
    <cfRule type="cellIs" dxfId="646" priority="647" operator="lessThanOrEqual">
      <formula>90</formula>
    </cfRule>
    <cfRule type="cellIs" dxfId="645" priority="648" operator="greaterThanOrEqual">
      <formula>110</formula>
    </cfRule>
  </conditionalFormatting>
  <conditionalFormatting sqref="AB34">
    <cfRule type="cellIs" dxfId="644" priority="643" stopIfTrue="1" operator="equal">
      <formula>0</formula>
    </cfRule>
    <cfRule type="cellIs" dxfId="643" priority="644" operator="lessThanOrEqual">
      <formula>90</formula>
    </cfRule>
    <cfRule type="cellIs" dxfId="642" priority="645" operator="greaterThanOrEqual">
      <formula>110</formula>
    </cfRule>
  </conditionalFormatting>
  <conditionalFormatting sqref="AB35">
    <cfRule type="cellIs" dxfId="641" priority="640" stopIfTrue="1" operator="equal">
      <formula>0</formula>
    </cfRule>
    <cfRule type="cellIs" dxfId="640" priority="641" operator="lessThanOrEqual">
      <formula>90</formula>
    </cfRule>
    <cfRule type="cellIs" dxfId="639" priority="642" operator="greaterThanOrEqual">
      <formula>110</formula>
    </cfRule>
  </conditionalFormatting>
  <conditionalFormatting sqref="AB36">
    <cfRule type="cellIs" dxfId="638" priority="637" stopIfTrue="1" operator="equal">
      <formula>0</formula>
    </cfRule>
    <cfRule type="cellIs" dxfId="637" priority="638" operator="lessThanOrEqual">
      <formula>90</formula>
    </cfRule>
    <cfRule type="cellIs" dxfId="636" priority="639" operator="greaterThanOrEqual">
      <formula>110</formula>
    </cfRule>
  </conditionalFormatting>
  <conditionalFormatting sqref="AB37">
    <cfRule type="cellIs" dxfId="635" priority="634" stopIfTrue="1" operator="equal">
      <formula>0</formula>
    </cfRule>
    <cfRule type="cellIs" dxfId="634" priority="635" operator="lessThanOrEqual">
      <formula>90</formula>
    </cfRule>
    <cfRule type="cellIs" dxfId="633" priority="636" operator="greaterThanOrEqual">
      <formula>110</formula>
    </cfRule>
  </conditionalFormatting>
  <conditionalFormatting sqref="AB38">
    <cfRule type="cellIs" dxfId="632" priority="631" stopIfTrue="1" operator="equal">
      <formula>0</formula>
    </cfRule>
    <cfRule type="cellIs" dxfId="631" priority="632" operator="lessThanOrEqual">
      <formula>90</formula>
    </cfRule>
    <cfRule type="cellIs" dxfId="630" priority="633" operator="greaterThanOrEqual">
      <formula>110</formula>
    </cfRule>
  </conditionalFormatting>
  <conditionalFormatting sqref="AB39">
    <cfRule type="cellIs" dxfId="629" priority="628" stopIfTrue="1" operator="equal">
      <formula>0</formula>
    </cfRule>
    <cfRule type="cellIs" dxfId="628" priority="629" operator="lessThanOrEqual">
      <formula>90</formula>
    </cfRule>
    <cfRule type="cellIs" dxfId="627" priority="630" operator="greaterThanOrEqual">
      <formula>110</formula>
    </cfRule>
  </conditionalFormatting>
  <conditionalFormatting sqref="AB40">
    <cfRule type="cellIs" dxfId="626" priority="625" stopIfTrue="1" operator="equal">
      <formula>0</formula>
    </cfRule>
    <cfRule type="cellIs" dxfId="625" priority="626" operator="lessThanOrEqual">
      <formula>90</formula>
    </cfRule>
    <cfRule type="cellIs" dxfId="624" priority="627" operator="greaterThanOrEqual">
      <formula>110</formula>
    </cfRule>
  </conditionalFormatting>
  <conditionalFormatting sqref="AB41">
    <cfRule type="cellIs" dxfId="623" priority="622" stopIfTrue="1" operator="equal">
      <formula>0</formula>
    </cfRule>
    <cfRule type="cellIs" dxfId="622" priority="623" operator="lessThanOrEqual">
      <formula>90</formula>
    </cfRule>
    <cfRule type="cellIs" dxfId="621" priority="624" operator="greaterThanOrEqual">
      <formula>110</formula>
    </cfRule>
  </conditionalFormatting>
  <conditionalFormatting sqref="AB42">
    <cfRule type="cellIs" dxfId="620" priority="619" stopIfTrue="1" operator="equal">
      <formula>0</formula>
    </cfRule>
    <cfRule type="cellIs" dxfId="619" priority="620" operator="lessThanOrEqual">
      <formula>90</formula>
    </cfRule>
    <cfRule type="cellIs" dxfId="618" priority="621" operator="greaterThanOrEqual">
      <formula>110</formula>
    </cfRule>
  </conditionalFormatting>
  <conditionalFormatting sqref="AB43">
    <cfRule type="cellIs" dxfId="617" priority="616" stopIfTrue="1" operator="equal">
      <formula>0</formula>
    </cfRule>
    <cfRule type="cellIs" dxfId="616" priority="617" operator="lessThanOrEqual">
      <formula>90</formula>
    </cfRule>
    <cfRule type="cellIs" dxfId="615" priority="618" operator="greaterThanOrEqual">
      <formula>110</formula>
    </cfRule>
  </conditionalFormatting>
  <conditionalFormatting sqref="AB44">
    <cfRule type="cellIs" dxfId="614" priority="613" stopIfTrue="1" operator="equal">
      <formula>0</formula>
    </cfRule>
    <cfRule type="cellIs" dxfId="613" priority="614" operator="lessThanOrEqual">
      <formula>90</formula>
    </cfRule>
    <cfRule type="cellIs" dxfId="612" priority="615" operator="greaterThanOrEqual">
      <formula>110</formula>
    </cfRule>
  </conditionalFormatting>
  <conditionalFormatting sqref="AB45">
    <cfRule type="cellIs" dxfId="611" priority="610" stopIfTrue="1" operator="equal">
      <formula>0</formula>
    </cfRule>
    <cfRule type="cellIs" dxfId="610" priority="611" operator="lessThanOrEqual">
      <formula>90</formula>
    </cfRule>
    <cfRule type="cellIs" dxfId="609" priority="612" operator="greaterThanOrEqual">
      <formula>110</formula>
    </cfRule>
  </conditionalFormatting>
  <conditionalFormatting sqref="AB46">
    <cfRule type="cellIs" dxfId="608" priority="607" stopIfTrue="1" operator="equal">
      <formula>0</formula>
    </cfRule>
    <cfRule type="cellIs" dxfId="607" priority="608" operator="lessThanOrEqual">
      <formula>90</formula>
    </cfRule>
    <cfRule type="cellIs" dxfId="606" priority="609" operator="greaterThanOrEqual">
      <formula>110</formula>
    </cfRule>
  </conditionalFormatting>
  <conditionalFormatting sqref="AB47">
    <cfRule type="cellIs" dxfId="605" priority="604" stopIfTrue="1" operator="equal">
      <formula>0</formula>
    </cfRule>
    <cfRule type="cellIs" dxfId="604" priority="605" operator="lessThanOrEqual">
      <formula>90</formula>
    </cfRule>
    <cfRule type="cellIs" dxfId="603" priority="606" operator="greaterThanOrEqual">
      <formula>110</formula>
    </cfRule>
  </conditionalFormatting>
  <conditionalFormatting sqref="AB48">
    <cfRule type="cellIs" dxfId="602" priority="601" stopIfTrue="1" operator="equal">
      <formula>0</formula>
    </cfRule>
    <cfRule type="cellIs" dxfId="601" priority="602" operator="lessThanOrEqual">
      <formula>90</formula>
    </cfRule>
    <cfRule type="cellIs" dxfId="600" priority="603" operator="greaterThanOrEqual">
      <formula>110</formula>
    </cfRule>
  </conditionalFormatting>
  <conditionalFormatting sqref="AB49">
    <cfRule type="cellIs" dxfId="599" priority="598" stopIfTrue="1" operator="equal">
      <formula>0</formula>
    </cfRule>
    <cfRule type="cellIs" dxfId="598" priority="599" operator="lessThanOrEqual">
      <formula>90</formula>
    </cfRule>
    <cfRule type="cellIs" dxfId="597" priority="600" operator="greaterThanOrEqual">
      <formula>110</formula>
    </cfRule>
  </conditionalFormatting>
  <conditionalFormatting sqref="AB50">
    <cfRule type="cellIs" dxfId="596" priority="595" stopIfTrue="1" operator="equal">
      <formula>0</formula>
    </cfRule>
    <cfRule type="cellIs" dxfId="595" priority="596" operator="lessThanOrEqual">
      <formula>90</formula>
    </cfRule>
    <cfRule type="cellIs" dxfId="594" priority="597" operator="greaterThanOrEqual">
      <formula>110</formula>
    </cfRule>
  </conditionalFormatting>
  <conditionalFormatting sqref="AB51">
    <cfRule type="cellIs" dxfId="593" priority="592" stopIfTrue="1" operator="equal">
      <formula>0</formula>
    </cfRule>
    <cfRule type="cellIs" dxfId="592" priority="593" operator="lessThanOrEqual">
      <formula>90</formula>
    </cfRule>
    <cfRule type="cellIs" dxfId="591" priority="594" operator="greaterThanOrEqual">
      <formula>110</formula>
    </cfRule>
  </conditionalFormatting>
  <conditionalFormatting sqref="AB52">
    <cfRule type="cellIs" dxfId="590" priority="589" stopIfTrue="1" operator="equal">
      <formula>0</formula>
    </cfRule>
    <cfRule type="cellIs" dxfId="589" priority="590" operator="lessThanOrEqual">
      <formula>90</formula>
    </cfRule>
    <cfRule type="cellIs" dxfId="588" priority="591" operator="greaterThanOrEqual">
      <formula>110</formula>
    </cfRule>
  </conditionalFormatting>
  <conditionalFormatting sqref="AB53">
    <cfRule type="cellIs" dxfId="587" priority="586" stopIfTrue="1" operator="equal">
      <formula>0</formula>
    </cfRule>
    <cfRule type="cellIs" dxfId="586" priority="587" operator="lessThanOrEqual">
      <formula>90</formula>
    </cfRule>
    <cfRule type="cellIs" dxfId="585" priority="588" operator="greaterThanOrEqual">
      <formula>110</formula>
    </cfRule>
  </conditionalFormatting>
  <conditionalFormatting sqref="AB54">
    <cfRule type="cellIs" dxfId="584" priority="583" stopIfTrue="1" operator="equal">
      <formula>0</formula>
    </cfRule>
    <cfRule type="cellIs" dxfId="583" priority="584" operator="lessThanOrEqual">
      <formula>90</formula>
    </cfRule>
    <cfRule type="cellIs" dxfId="582" priority="585" operator="greaterThanOrEqual">
      <formula>110</formula>
    </cfRule>
  </conditionalFormatting>
  <conditionalFormatting sqref="AB55">
    <cfRule type="cellIs" dxfId="581" priority="580" stopIfTrue="1" operator="equal">
      <formula>0</formula>
    </cfRule>
    <cfRule type="cellIs" dxfId="580" priority="581" operator="lessThanOrEqual">
      <formula>90</formula>
    </cfRule>
    <cfRule type="cellIs" dxfId="579" priority="582" operator="greaterThanOrEqual">
      <formula>110</formula>
    </cfRule>
  </conditionalFormatting>
  <conditionalFormatting sqref="AB56">
    <cfRule type="cellIs" dxfId="578" priority="577" stopIfTrue="1" operator="equal">
      <formula>0</formula>
    </cfRule>
    <cfRule type="cellIs" dxfId="577" priority="578" operator="lessThanOrEqual">
      <formula>90</formula>
    </cfRule>
    <cfRule type="cellIs" dxfId="576" priority="579" operator="greaterThanOrEqual">
      <formula>110</formula>
    </cfRule>
  </conditionalFormatting>
  <conditionalFormatting sqref="AB57">
    <cfRule type="cellIs" dxfId="575" priority="574" stopIfTrue="1" operator="equal">
      <formula>0</formula>
    </cfRule>
    <cfRule type="cellIs" dxfId="574" priority="575" operator="lessThanOrEqual">
      <formula>90</formula>
    </cfRule>
    <cfRule type="cellIs" dxfId="573" priority="576" operator="greaterThanOrEqual">
      <formula>110</formula>
    </cfRule>
  </conditionalFormatting>
  <conditionalFormatting sqref="AB58">
    <cfRule type="cellIs" dxfId="572" priority="571" stopIfTrue="1" operator="equal">
      <formula>0</formula>
    </cfRule>
    <cfRule type="cellIs" dxfId="571" priority="572" operator="lessThanOrEqual">
      <formula>90</formula>
    </cfRule>
    <cfRule type="cellIs" dxfId="570" priority="573" operator="greaterThanOrEqual">
      <formula>110</formula>
    </cfRule>
  </conditionalFormatting>
  <conditionalFormatting sqref="AB59">
    <cfRule type="cellIs" dxfId="569" priority="568" stopIfTrue="1" operator="equal">
      <formula>0</formula>
    </cfRule>
    <cfRule type="cellIs" dxfId="568" priority="569" operator="lessThanOrEqual">
      <formula>90</formula>
    </cfRule>
    <cfRule type="cellIs" dxfId="567" priority="570" operator="greaterThanOrEqual">
      <formula>110</formula>
    </cfRule>
  </conditionalFormatting>
  <conditionalFormatting sqref="AB60">
    <cfRule type="cellIs" dxfId="566" priority="565" stopIfTrue="1" operator="equal">
      <formula>0</formula>
    </cfRule>
    <cfRule type="cellIs" dxfId="565" priority="566" operator="lessThanOrEqual">
      <formula>90</formula>
    </cfRule>
    <cfRule type="cellIs" dxfId="564" priority="567" operator="greaterThanOrEqual">
      <formula>110</formula>
    </cfRule>
  </conditionalFormatting>
  <conditionalFormatting sqref="AB61">
    <cfRule type="cellIs" dxfId="563" priority="562" stopIfTrue="1" operator="equal">
      <formula>0</formula>
    </cfRule>
    <cfRule type="cellIs" dxfId="562" priority="563" operator="lessThanOrEqual">
      <formula>90</formula>
    </cfRule>
    <cfRule type="cellIs" dxfId="561" priority="564" operator="greaterThanOrEqual">
      <formula>110</formula>
    </cfRule>
  </conditionalFormatting>
  <conditionalFormatting sqref="AB62">
    <cfRule type="cellIs" dxfId="560" priority="559" stopIfTrue="1" operator="equal">
      <formula>0</formula>
    </cfRule>
    <cfRule type="cellIs" dxfId="559" priority="560" operator="lessThanOrEqual">
      <formula>90</formula>
    </cfRule>
    <cfRule type="cellIs" dxfId="558" priority="561" operator="greaterThanOrEqual">
      <formula>110</formula>
    </cfRule>
  </conditionalFormatting>
  <conditionalFormatting sqref="AB63">
    <cfRule type="cellIs" dxfId="557" priority="556" stopIfTrue="1" operator="equal">
      <formula>0</formula>
    </cfRule>
    <cfRule type="cellIs" dxfId="556" priority="557" operator="lessThanOrEqual">
      <formula>90</formula>
    </cfRule>
    <cfRule type="cellIs" dxfId="555" priority="558" operator="greaterThanOrEqual">
      <formula>110</formula>
    </cfRule>
  </conditionalFormatting>
  <conditionalFormatting sqref="AB64">
    <cfRule type="cellIs" dxfId="554" priority="553" stopIfTrue="1" operator="equal">
      <formula>0</formula>
    </cfRule>
    <cfRule type="cellIs" dxfId="553" priority="554" operator="lessThanOrEqual">
      <formula>90</formula>
    </cfRule>
    <cfRule type="cellIs" dxfId="552" priority="555" operator="greaterThanOrEqual">
      <formula>110</formula>
    </cfRule>
  </conditionalFormatting>
  <conditionalFormatting sqref="AB65">
    <cfRule type="cellIs" dxfId="551" priority="550" stopIfTrue="1" operator="equal">
      <formula>0</formula>
    </cfRule>
    <cfRule type="cellIs" dxfId="550" priority="551" operator="lessThanOrEqual">
      <formula>90</formula>
    </cfRule>
    <cfRule type="cellIs" dxfId="549" priority="552" operator="greaterThanOrEqual">
      <formula>110</formula>
    </cfRule>
  </conditionalFormatting>
  <conditionalFormatting sqref="AC5">
    <cfRule type="cellIs" dxfId="548" priority="547" stopIfTrue="1" operator="equal">
      <formula>0</formula>
    </cfRule>
    <cfRule type="cellIs" dxfId="547" priority="548" operator="lessThanOrEqual">
      <formula>90</formula>
    </cfRule>
    <cfRule type="cellIs" dxfId="546" priority="549" operator="greaterThanOrEqual">
      <formula>110</formula>
    </cfRule>
  </conditionalFormatting>
  <conditionalFormatting sqref="AC6">
    <cfRule type="cellIs" dxfId="545" priority="544" stopIfTrue="1" operator="equal">
      <formula>0</formula>
    </cfRule>
    <cfRule type="cellIs" dxfId="544" priority="545" operator="lessThanOrEqual">
      <formula>90</formula>
    </cfRule>
    <cfRule type="cellIs" dxfId="543" priority="546" operator="greaterThanOrEqual">
      <formula>110</formula>
    </cfRule>
  </conditionalFormatting>
  <conditionalFormatting sqref="AC7">
    <cfRule type="cellIs" dxfId="542" priority="541" stopIfTrue="1" operator="equal">
      <formula>0</formula>
    </cfRule>
    <cfRule type="cellIs" dxfId="541" priority="542" operator="lessThanOrEqual">
      <formula>90</formula>
    </cfRule>
    <cfRule type="cellIs" dxfId="540" priority="543" operator="greaterThanOrEqual">
      <formula>110</formula>
    </cfRule>
  </conditionalFormatting>
  <conditionalFormatting sqref="AC8">
    <cfRule type="cellIs" dxfId="539" priority="538" stopIfTrue="1" operator="equal">
      <formula>0</formula>
    </cfRule>
    <cfRule type="cellIs" dxfId="538" priority="539" operator="lessThanOrEqual">
      <formula>90</formula>
    </cfRule>
    <cfRule type="cellIs" dxfId="537" priority="540" operator="greaterThanOrEqual">
      <formula>110</formula>
    </cfRule>
  </conditionalFormatting>
  <conditionalFormatting sqref="AC9">
    <cfRule type="cellIs" dxfId="536" priority="535" stopIfTrue="1" operator="equal">
      <formula>0</formula>
    </cfRule>
    <cfRule type="cellIs" dxfId="535" priority="536" operator="lessThanOrEqual">
      <formula>90</formula>
    </cfRule>
    <cfRule type="cellIs" dxfId="534" priority="537" operator="greaterThanOrEqual">
      <formula>110</formula>
    </cfRule>
  </conditionalFormatting>
  <conditionalFormatting sqref="AC10">
    <cfRule type="cellIs" dxfId="533" priority="532" stopIfTrue="1" operator="equal">
      <formula>0</formula>
    </cfRule>
    <cfRule type="cellIs" dxfId="532" priority="533" operator="lessThanOrEqual">
      <formula>90</formula>
    </cfRule>
    <cfRule type="cellIs" dxfId="531" priority="534" operator="greaterThanOrEqual">
      <formula>110</formula>
    </cfRule>
  </conditionalFormatting>
  <conditionalFormatting sqref="AC11">
    <cfRule type="cellIs" dxfId="530" priority="529" stopIfTrue="1" operator="equal">
      <formula>0</formula>
    </cfRule>
    <cfRule type="cellIs" dxfId="529" priority="530" operator="lessThanOrEqual">
      <formula>90</formula>
    </cfRule>
    <cfRule type="cellIs" dxfId="528" priority="531" operator="greaterThanOrEqual">
      <formula>110</formula>
    </cfRule>
  </conditionalFormatting>
  <conditionalFormatting sqref="AC12">
    <cfRule type="cellIs" dxfId="527" priority="526" stopIfTrue="1" operator="equal">
      <formula>0</formula>
    </cfRule>
    <cfRule type="cellIs" dxfId="526" priority="527" operator="lessThanOrEqual">
      <formula>90</formula>
    </cfRule>
    <cfRule type="cellIs" dxfId="525" priority="528" operator="greaterThanOrEqual">
      <formula>110</formula>
    </cfRule>
  </conditionalFormatting>
  <conditionalFormatting sqref="AC13">
    <cfRule type="cellIs" dxfId="524" priority="523" stopIfTrue="1" operator="equal">
      <formula>0</formula>
    </cfRule>
    <cfRule type="cellIs" dxfId="523" priority="524" operator="lessThanOrEqual">
      <formula>90</formula>
    </cfRule>
    <cfRule type="cellIs" dxfId="522" priority="525" operator="greaterThanOrEqual">
      <formula>110</formula>
    </cfRule>
  </conditionalFormatting>
  <conditionalFormatting sqref="AC14">
    <cfRule type="cellIs" dxfId="521" priority="520" stopIfTrue="1" operator="equal">
      <formula>0</formula>
    </cfRule>
    <cfRule type="cellIs" dxfId="520" priority="521" operator="lessThanOrEqual">
      <formula>90</formula>
    </cfRule>
    <cfRule type="cellIs" dxfId="519" priority="522" operator="greaterThanOrEqual">
      <formula>110</formula>
    </cfRule>
  </conditionalFormatting>
  <conditionalFormatting sqref="AC15">
    <cfRule type="cellIs" dxfId="518" priority="517" stopIfTrue="1" operator="equal">
      <formula>0</formula>
    </cfRule>
    <cfRule type="cellIs" dxfId="517" priority="518" operator="lessThanOrEqual">
      <formula>90</formula>
    </cfRule>
    <cfRule type="cellIs" dxfId="516" priority="519" operator="greaterThanOrEqual">
      <formula>110</formula>
    </cfRule>
  </conditionalFormatting>
  <conditionalFormatting sqref="AC16">
    <cfRule type="cellIs" dxfId="515" priority="514" stopIfTrue="1" operator="equal">
      <formula>0</formula>
    </cfRule>
    <cfRule type="cellIs" dxfId="514" priority="515" operator="lessThanOrEqual">
      <formula>90</formula>
    </cfRule>
    <cfRule type="cellIs" dxfId="513" priority="516" operator="greaterThanOrEqual">
      <formula>110</formula>
    </cfRule>
  </conditionalFormatting>
  <conditionalFormatting sqref="AC17">
    <cfRule type="cellIs" dxfId="512" priority="511" stopIfTrue="1" operator="equal">
      <formula>0</formula>
    </cfRule>
    <cfRule type="cellIs" dxfId="511" priority="512" operator="lessThanOrEqual">
      <formula>90</formula>
    </cfRule>
    <cfRule type="cellIs" dxfId="510" priority="513" operator="greaterThanOrEqual">
      <formula>110</formula>
    </cfRule>
  </conditionalFormatting>
  <conditionalFormatting sqref="AC18">
    <cfRule type="cellIs" dxfId="509" priority="508" stopIfTrue="1" operator="equal">
      <formula>0</formula>
    </cfRule>
    <cfRule type="cellIs" dxfId="508" priority="509" operator="lessThanOrEqual">
      <formula>90</formula>
    </cfRule>
    <cfRule type="cellIs" dxfId="507" priority="510" operator="greaterThanOrEqual">
      <formula>110</formula>
    </cfRule>
  </conditionalFormatting>
  <conditionalFormatting sqref="AC19">
    <cfRule type="cellIs" dxfId="506" priority="505" stopIfTrue="1" operator="equal">
      <formula>0</formula>
    </cfRule>
    <cfRule type="cellIs" dxfId="505" priority="506" operator="lessThanOrEqual">
      <formula>90</formula>
    </cfRule>
    <cfRule type="cellIs" dxfId="504" priority="507" operator="greaterThanOrEqual">
      <formula>110</formula>
    </cfRule>
  </conditionalFormatting>
  <conditionalFormatting sqref="AC20">
    <cfRule type="cellIs" dxfId="503" priority="502" stopIfTrue="1" operator="equal">
      <formula>0</formula>
    </cfRule>
    <cfRule type="cellIs" dxfId="502" priority="503" operator="lessThanOrEqual">
      <formula>90</formula>
    </cfRule>
    <cfRule type="cellIs" dxfId="501" priority="504" operator="greaterThanOrEqual">
      <formula>110</formula>
    </cfRule>
  </conditionalFormatting>
  <conditionalFormatting sqref="AC21">
    <cfRule type="cellIs" dxfId="500" priority="499" stopIfTrue="1" operator="equal">
      <formula>0</formula>
    </cfRule>
    <cfRule type="cellIs" dxfId="499" priority="500" operator="lessThanOrEqual">
      <formula>90</formula>
    </cfRule>
    <cfRule type="cellIs" dxfId="498" priority="501" operator="greaterThanOrEqual">
      <formula>110</formula>
    </cfRule>
  </conditionalFormatting>
  <conditionalFormatting sqref="AC22">
    <cfRule type="cellIs" dxfId="497" priority="496" stopIfTrue="1" operator="equal">
      <formula>0</formula>
    </cfRule>
    <cfRule type="cellIs" dxfId="496" priority="497" operator="lessThanOrEqual">
      <formula>90</formula>
    </cfRule>
    <cfRule type="cellIs" dxfId="495" priority="498" operator="greaterThanOrEqual">
      <formula>110</formula>
    </cfRule>
  </conditionalFormatting>
  <conditionalFormatting sqref="AC23">
    <cfRule type="cellIs" dxfId="494" priority="493" stopIfTrue="1" operator="equal">
      <formula>0</formula>
    </cfRule>
    <cfRule type="cellIs" dxfId="493" priority="494" operator="lessThanOrEqual">
      <formula>90</formula>
    </cfRule>
    <cfRule type="cellIs" dxfId="492" priority="495" operator="greaterThanOrEqual">
      <formula>110</formula>
    </cfRule>
  </conditionalFormatting>
  <conditionalFormatting sqref="AC24">
    <cfRule type="cellIs" dxfId="491" priority="490" stopIfTrue="1" operator="equal">
      <formula>0</formula>
    </cfRule>
    <cfRule type="cellIs" dxfId="490" priority="491" operator="lessThanOrEqual">
      <formula>90</formula>
    </cfRule>
    <cfRule type="cellIs" dxfId="489" priority="492" operator="greaterThanOrEqual">
      <formula>110</formula>
    </cfRule>
  </conditionalFormatting>
  <conditionalFormatting sqref="AC25">
    <cfRule type="cellIs" dxfId="488" priority="487" stopIfTrue="1" operator="equal">
      <formula>0</formula>
    </cfRule>
    <cfRule type="cellIs" dxfId="487" priority="488" operator="lessThanOrEqual">
      <formula>90</formula>
    </cfRule>
    <cfRule type="cellIs" dxfId="486" priority="489" operator="greaterThanOrEqual">
      <formula>110</formula>
    </cfRule>
  </conditionalFormatting>
  <conditionalFormatting sqref="AC26">
    <cfRule type="cellIs" dxfId="485" priority="484" stopIfTrue="1" operator="equal">
      <formula>0</formula>
    </cfRule>
    <cfRule type="cellIs" dxfId="484" priority="485" operator="lessThanOrEqual">
      <formula>90</formula>
    </cfRule>
    <cfRule type="cellIs" dxfId="483" priority="486" operator="greaterThanOrEqual">
      <formula>110</formula>
    </cfRule>
  </conditionalFormatting>
  <conditionalFormatting sqref="AC27">
    <cfRule type="cellIs" dxfId="482" priority="481" stopIfTrue="1" operator="equal">
      <formula>0</formula>
    </cfRule>
    <cfRule type="cellIs" dxfId="481" priority="482" operator="lessThanOrEqual">
      <formula>90</formula>
    </cfRule>
    <cfRule type="cellIs" dxfId="480" priority="483" operator="greaterThanOrEqual">
      <formula>110</formula>
    </cfRule>
  </conditionalFormatting>
  <conditionalFormatting sqref="AC28">
    <cfRule type="cellIs" dxfId="479" priority="478" stopIfTrue="1" operator="equal">
      <formula>0</formula>
    </cfRule>
    <cfRule type="cellIs" dxfId="478" priority="479" operator="lessThanOrEqual">
      <formula>90</formula>
    </cfRule>
    <cfRule type="cellIs" dxfId="477" priority="480" operator="greaterThanOrEqual">
      <formula>110</formula>
    </cfRule>
  </conditionalFormatting>
  <conditionalFormatting sqref="AC29">
    <cfRule type="cellIs" dxfId="476" priority="475" stopIfTrue="1" operator="equal">
      <formula>0</formula>
    </cfRule>
    <cfRule type="cellIs" dxfId="475" priority="476" operator="lessThanOrEqual">
      <formula>90</formula>
    </cfRule>
    <cfRule type="cellIs" dxfId="474" priority="477" operator="greaterThanOrEqual">
      <formula>110</formula>
    </cfRule>
  </conditionalFormatting>
  <conditionalFormatting sqref="AC30">
    <cfRule type="cellIs" dxfId="473" priority="472" stopIfTrue="1" operator="equal">
      <formula>0</formula>
    </cfRule>
    <cfRule type="cellIs" dxfId="472" priority="473" operator="lessThanOrEqual">
      <formula>90</formula>
    </cfRule>
    <cfRule type="cellIs" dxfId="471" priority="474" operator="greaterThanOrEqual">
      <formula>110</formula>
    </cfRule>
  </conditionalFormatting>
  <conditionalFormatting sqref="AC31">
    <cfRule type="cellIs" dxfId="470" priority="469" stopIfTrue="1" operator="equal">
      <formula>0</formula>
    </cfRule>
    <cfRule type="cellIs" dxfId="469" priority="470" operator="lessThanOrEqual">
      <formula>90</formula>
    </cfRule>
    <cfRule type="cellIs" dxfId="468" priority="471" operator="greaterThanOrEqual">
      <formula>110</formula>
    </cfRule>
  </conditionalFormatting>
  <conditionalFormatting sqref="AC32">
    <cfRule type="cellIs" dxfId="467" priority="466" stopIfTrue="1" operator="equal">
      <formula>0</formula>
    </cfRule>
    <cfRule type="cellIs" dxfId="466" priority="467" operator="lessThanOrEqual">
      <formula>90</formula>
    </cfRule>
    <cfRule type="cellIs" dxfId="465" priority="468" operator="greaterThanOrEqual">
      <formula>110</formula>
    </cfRule>
  </conditionalFormatting>
  <conditionalFormatting sqref="AC33">
    <cfRule type="cellIs" dxfId="464" priority="463" stopIfTrue="1" operator="equal">
      <formula>0</formula>
    </cfRule>
    <cfRule type="cellIs" dxfId="463" priority="464" operator="lessThanOrEqual">
      <formula>90</formula>
    </cfRule>
    <cfRule type="cellIs" dxfId="462" priority="465" operator="greaterThanOrEqual">
      <formula>110</formula>
    </cfRule>
  </conditionalFormatting>
  <conditionalFormatting sqref="AC34">
    <cfRule type="cellIs" dxfId="461" priority="460" stopIfTrue="1" operator="equal">
      <formula>0</formula>
    </cfRule>
    <cfRule type="cellIs" dxfId="460" priority="461" operator="lessThanOrEqual">
      <formula>90</formula>
    </cfRule>
    <cfRule type="cellIs" dxfId="459" priority="462" operator="greaterThanOrEqual">
      <formula>110</formula>
    </cfRule>
  </conditionalFormatting>
  <conditionalFormatting sqref="AC35">
    <cfRule type="cellIs" dxfId="458" priority="457" stopIfTrue="1" operator="equal">
      <formula>0</formula>
    </cfRule>
    <cfRule type="cellIs" dxfId="457" priority="458" operator="lessThanOrEqual">
      <formula>90</formula>
    </cfRule>
    <cfRule type="cellIs" dxfId="456" priority="459" operator="greaterThanOrEqual">
      <formula>110</formula>
    </cfRule>
  </conditionalFormatting>
  <conditionalFormatting sqref="AC36">
    <cfRule type="cellIs" dxfId="455" priority="454" stopIfTrue="1" operator="equal">
      <formula>0</formula>
    </cfRule>
    <cfRule type="cellIs" dxfId="454" priority="455" operator="lessThanOrEqual">
      <formula>90</formula>
    </cfRule>
    <cfRule type="cellIs" dxfId="453" priority="456" operator="greaterThanOrEqual">
      <formula>110</formula>
    </cfRule>
  </conditionalFormatting>
  <conditionalFormatting sqref="AC37">
    <cfRule type="cellIs" dxfId="452" priority="451" stopIfTrue="1" operator="equal">
      <formula>0</formula>
    </cfRule>
    <cfRule type="cellIs" dxfId="451" priority="452" operator="lessThanOrEqual">
      <formula>90</formula>
    </cfRule>
    <cfRule type="cellIs" dxfId="450" priority="453" operator="greaterThanOrEqual">
      <formula>110</formula>
    </cfRule>
  </conditionalFormatting>
  <conditionalFormatting sqref="AC38">
    <cfRule type="cellIs" dxfId="449" priority="448" stopIfTrue="1" operator="equal">
      <formula>0</formula>
    </cfRule>
    <cfRule type="cellIs" dxfId="448" priority="449" operator="lessThanOrEqual">
      <formula>90</formula>
    </cfRule>
    <cfRule type="cellIs" dxfId="447" priority="450" operator="greaterThanOrEqual">
      <formula>110</formula>
    </cfRule>
  </conditionalFormatting>
  <conditionalFormatting sqref="AC39">
    <cfRule type="cellIs" dxfId="446" priority="445" stopIfTrue="1" operator="equal">
      <formula>0</formula>
    </cfRule>
    <cfRule type="cellIs" dxfId="445" priority="446" operator="lessThanOrEqual">
      <formula>90</formula>
    </cfRule>
    <cfRule type="cellIs" dxfId="444" priority="447" operator="greaterThanOrEqual">
      <formula>110</formula>
    </cfRule>
  </conditionalFormatting>
  <conditionalFormatting sqref="AC40">
    <cfRule type="cellIs" dxfId="443" priority="442" stopIfTrue="1" operator="equal">
      <formula>0</formula>
    </cfRule>
    <cfRule type="cellIs" dxfId="442" priority="443" operator="lessThanOrEqual">
      <formula>90</formula>
    </cfRule>
    <cfRule type="cellIs" dxfId="441" priority="444" operator="greaterThanOrEqual">
      <formula>110</formula>
    </cfRule>
  </conditionalFormatting>
  <conditionalFormatting sqref="AC41">
    <cfRule type="cellIs" dxfId="440" priority="439" stopIfTrue="1" operator="equal">
      <formula>0</formula>
    </cfRule>
    <cfRule type="cellIs" dxfId="439" priority="440" operator="lessThanOrEqual">
      <formula>90</formula>
    </cfRule>
    <cfRule type="cellIs" dxfId="438" priority="441" operator="greaterThanOrEqual">
      <formula>110</formula>
    </cfRule>
  </conditionalFormatting>
  <conditionalFormatting sqref="AC42">
    <cfRule type="cellIs" dxfId="437" priority="436" stopIfTrue="1" operator="equal">
      <formula>0</formula>
    </cfRule>
    <cfRule type="cellIs" dxfId="436" priority="437" operator="lessThanOrEqual">
      <formula>90</formula>
    </cfRule>
    <cfRule type="cellIs" dxfId="435" priority="438" operator="greaterThanOrEqual">
      <formula>110</formula>
    </cfRule>
  </conditionalFormatting>
  <conditionalFormatting sqref="AC43">
    <cfRule type="cellIs" dxfId="434" priority="433" stopIfTrue="1" operator="equal">
      <formula>0</formula>
    </cfRule>
    <cfRule type="cellIs" dxfId="433" priority="434" operator="lessThanOrEqual">
      <formula>90</formula>
    </cfRule>
    <cfRule type="cellIs" dxfId="432" priority="435" operator="greaterThanOrEqual">
      <formula>110</formula>
    </cfRule>
  </conditionalFormatting>
  <conditionalFormatting sqref="AC44">
    <cfRule type="cellIs" dxfId="431" priority="430" stopIfTrue="1" operator="equal">
      <formula>0</formula>
    </cfRule>
    <cfRule type="cellIs" dxfId="430" priority="431" operator="lessThanOrEqual">
      <formula>90</formula>
    </cfRule>
    <cfRule type="cellIs" dxfId="429" priority="432" operator="greaterThanOrEqual">
      <formula>110</formula>
    </cfRule>
  </conditionalFormatting>
  <conditionalFormatting sqref="AC45">
    <cfRule type="cellIs" dxfId="428" priority="427" stopIfTrue="1" operator="equal">
      <formula>0</formula>
    </cfRule>
    <cfRule type="cellIs" dxfId="427" priority="428" operator="lessThanOrEqual">
      <formula>90</formula>
    </cfRule>
    <cfRule type="cellIs" dxfId="426" priority="429" operator="greaterThanOrEqual">
      <formula>110</formula>
    </cfRule>
  </conditionalFormatting>
  <conditionalFormatting sqref="AC46">
    <cfRule type="cellIs" dxfId="425" priority="424" stopIfTrue="1" operator="equal">
      <formula>0</formula>
    </cfRule>
    <cfRule type="cellIs" dxfId="424" priority="425" operator="lessThanOrEqual">
      <formula>90</formula>
    </cfRule>
    <cfRule type="cellIs" dxfId="423" priority="426" operator="greaterThanOrEqual">
      <formula>110</formula>
    </cfRule>
  </conditionalFormatting>
  <conditionalFormatting sqref="AC47">
    <cfRule type="cellIs" dxfId="422" priority="421" stopIfTrue="1" operator="equal">
      <formula>0</formula>
    </cfRule>
    <cfRule type="cellIs" dxfId="421" priority="422" operator="lessThanOrEqual">
      <formula>90</formula>
    </cfRule>
    <cfRule type="cellIs" dxfId="420" priority="423" operator="greaterThanOrEqual">
      <formula>110</formula>
    </cfRule>
  </conditionalFormatting>
  <conditionalFormatting sqref="AC48">
    <cfRule type="cellIs" dxfId="419" priority="418" stopIfTrue="1" operator="equal">
      <formula>0</formula>
    </cfRule>
    <cfRule type="cellIs" dxfId="418" priority="419" operator="lessThanOrEqual">
      <formula>90</formula>
    </cfRule>
    <cfRule type="cellIs" dxfId="417" priority="420" operator="greaterThanOrEqual">
      <formula>110</formula>
    </cfRule>
  </conditionalFormatting>
  <conditionalFormatting sqref="AC49">
    <cfRule type="cellIs" dxfId="416" priority="415" stopIfTrue="1" operator="equal">
      <formula>0</formula>
    </cfRule>
    <cfRule type="cellIs" dxfId="415" priority="416" operator="lessThanOrEqual">
      <formula>90</formula>
    </cfRule>
    <cfRule type="cellIs" dxfId="414" priority="417" operator="greaterThanOrEqual">
      <formula>110</formula>
    </cfRule>
  </conditionalFormatting>
  <conditionalFormatting sqref="AC50">
    <cfRule type="cellIs" dxfId="413" priority="412" stopIfTrue="1" operator="equal">
      <formula>0</formula>
    </cfRule>
    <cfRule type="cellIs" dxfId="412" priority="413" operator="lessThanOrEqual">
      <formula>90</formula>
    </cfRule>
    <cfRule type="cellIs" dxfId="411" priority="414" operator="greaterThanOrEqual">
      <formula>110</formula>
    </cfRule>
  </conditionalFormatting>
  <conditionalFormatting sqref="AC51">
    <cfRule type="cellIs" dxfId="410" priority="409" stopIfTrue="1" operator="equal">
      <formula>0</formula>
    </cfRule>
    <cfRule type="cellIs" dxfId="409" priority="410" operator="lessThanOrEqual">
      <formula>90</formula>
    </cfRule>
    <cfRule type="cellIs" dxfId="408" priority="411" operator="greaterThanOrEqual">
      <formula>110</formula>
    </cfRule>
  </conditionalFormatting>
  <conditionalFormatting sqref="AC52">
    <cfRule type="cellIs" dxfId="407" priority="406" stopIfTrue="1" operator="equal">
      <formula>0</formula>
    </cfRule>
    <cfRule type="cellIs" dxfId="406" priority="407" operator="lessThanOrEqual">
      <formula>90</formula>
    </cfRule>
    <cfRule type="cellIs" dxfId="405" priority="408" operator="greaterThanOrEqual">
      <formula>110</formula>
    </cfRule>
  </conditionalFormatting>
  <conditionalFormatting sqref="AC53">
    <cfRule type="cellIs" dxfId="404" priority="403" stopIfTrue="1" operator="equal">
      <formula>0</formula>
    </cfRule>
    <cfRule type="cellIs" dxfId="403" priority="404" operator="lessThanOrEqual">
      <formula>90</formula>
    </cfRule>
    <cfRule type="cellIs" dxfId="402" priority="405" operator="greaterThanOrEqual">
      <formula>110</formula>
    </cfRule>
  </conditionalFormatting>
  <conditionalFormatting sqref="AC54">
    <cfRule type="cellIs" dxfId="401" priority="400" stopIfTrue="1" operator="equal">
      <formula>0</formula>
    </cfRule>
    <cfRule type="cellIs" dxfId="400" priority="401" operator="lessThanOrEqual">
      <formula>90</formula>
    </cfRule>
    <cfRule type="cellIs" dxfId="399" priority="402" operator="greaterThanOrEqual">
      <formula>110</formula>
    </cfRule>
  </conditionalFormatting>
  <conditionalFormatting sqref="AC55">
    <cfRule type="cellIs" dxfId="398" priority="397" stopIfTrue="1" operator="equal">
      <formula>0</formula>
    </cfRule>
    <cfRule type="cellIs" dxfId="397" priority="398" operator="lessThanOrEqual">
      <formula>90</formula>
    </cfRule>
    <cfRule type="cellIs" dxfId="396" priority="399" operator="greaterThanOrEqual">
      <formula>110</formula>
    </cfRule>
  </conditionalFormatting>
  <conditionalFormatting sqref="AC56">
    <cfRule type="cellIs" dxfId="395" priority="394" stopIfTrue="1" operator="equal">
      <formula>0</formula>
    </cfRule>
    <cfRule type="cellIs" dxfId="394" priority="395" operator="lessThanOrEqual">
      <formula>90</formula>
    </cfRule>
    <cfRule type="cellIs" dxfId="393" priority="396" operator="greaterThanOrEqual">
      <formula>110</formula>
    </cfRule>
  </conditionalFormatting>
  <conditionalFormatting sqref="AC57">
    <cfRule type="cellIs" dxfId="392" priority="391" stopIfTrue="1" operator="equal">
      <formula>0</formula>
    </cfRule>
    <cfRule type="cellIs" dxfId="391" priority="392" operator="lessThanOrEqual">
      <formula>90</formula>
    </cfRule>
    <cfRule type="cellIs" dxfId="390" priority="393" operator="greaterThanOrEqual">
      <formula>110</formula>
    </cfRule>
  </conditionalFormatting>
  <conditionalFormatting sqref="AC58">
    <cfRule type="cellIs" dxfId="389" priority="388" stopIfTrue="1" operator="equal">
      <formula>0</formula>
    </cfRule>
    <cfRule type="cellIs" dxfId="388" priority="389" operator="lessThanOrEqual">
      <formula>90</formula>
    </cfRule>
    <cfRule type="cellIs" dxfId="387" priority="390" operator="greaterThanOrEqual">
      <formula>110</formula>
    </cfRule>
  </conditionalFormatting>
  <conditionalFormatting sqref="AC59">
    <cfRule type="cellIs" dxfId="386" priority="385" stopIfTrue="1" operator="equal">
      <formula>0</formula>
    </cfRule>
    <cfRule type="cellIs" dxfId="385" priority="386" operator="lessThanOrEqual">
      <formula>90</formula>
    </cfRule>
    <cfRule type="cellIs" dxfId="384" priority="387" operator="greaterThanOrEqual">
      <formula>110</formula>
    </cfRule>
  </conditionalFormatting>
  <conditionalFormatting sqref="AC60">
    <cfRule type="cellIs" dxfId="383" priority="382" stopIfTrue="1" operator="equal">
      <formula>0</formula>
    </cfRule>
    <cfRule type="cellIs" dxfId="382" priority="383" operator="lessThanOrEqual">
      <formula>90</formula>
    </cfRule>
    <cfRule type="cellIs" dxfId="381" priority="384" operator="greaterThanOrEqual">
      <formula>110</formula>
    </cfRule>
  </conditionalFormatting>
  <conditionalFormatting sqref="AC61">
    <cfRule type="cellIs" dxfId="380" priority="379" stopIfTrue="1" operator="equal">
      <formula>0</formula>
    </cfRule>
    <cfRule type="cellIs" dxfId="379" priority="380" operator="lessThanOrEqual">
      <formula>90</formula>
    </cfRule>
    <cfRule type="cellIs" dxfId="378" priority="381" operator="greaterThanOrEqual">
      <formula>110</formula>
    </cfRule>
  </conditionalFormatting>
  <conditionalFormatting sqref="AC62">
    <cfRule type="cellIs" dxfId="377" priority="376" stopIfTrue="1" operator="equal">
      <formula>0</formula>
    </cfRule>
    <cfRule type="cellIs" dxfId="376" priority="377" operator="lessThanOrEqual">
      <formula>90</formula>
    </cfRule>
    <cfRule type="cellIs" dxfId="375" priority="378" operator="greaterThanOrEqual">
      <formula>110</formula>
    </cfRule>
  </conditionalFormatting>
  <conditionalFormatting sqref="AC63">
    <cfRule type="cellIs" dxfId="374" priority="373" stopIfTrue="1" operator="equal">
      <formula>0</formula>
    </cfRule>
    <cfRule type="cellIs" dxfId="373" priority="374" operator="lessThanOrEqual">
      <formula>90</formula>
    </cfRule>
    <cfRule type="cellIs" dxfId="372" priority="375" operator="greaterThanOrEqual">
      <formula>110</formula>
    </cfRule>
  </conditionalFormatting>
  <conditionalFormatting sqref="AC64">
    <cfRule type="cellIs" dxfId="371" priority="370" stopIfTrue="1" operator="equal">
      <formula>0</formula>
    </cfRule>
    <cfRule type="cellIs" dxfId="370" priority="371" operator="lessThanOrEqual">
      <formula>90</formula>
    </cfRule>
    <cfRule type="cellIs" dxfId="369" priority="372" operator="greaterThanOrEqual">
      <formula>110</formula>
    </cfRule>
  </conditionalFormatting>
  <conditionalFormatting sqref="AC65">
    <cfRule type="cellIs" dxfId="368" priority="367" stopIfTrue="1" operator="equal">
      <formula>0</formula>
    </cfRule>
    <cfRule type="cellIs" dxfId="367" priority="368" operator="lessThanOrEqual">
      <formula>90</formula>
    </cfRule>
    <cfRule type="cellIs" dxfId="366" priority="369" operator="greaterThanOrEqual">
      <formula>110</formula>
    </cfRule>
  </conditionalFormatting>
  <conditionalFormatting sqref="AD5">
    <cfRule type="cellIs" dxfId="365" priority="364" stopIfTrue="1" operator="equal">
      <formula>0</formula>
    </cfRule>
    <cfRule type="cellIs" dxfId="364" priority="365" operator="lessThanOrEqual">
      <formula>90</formula>
    </cfRule>
    <cfRule type="cellIs" dxfId="363" priority="366" operator="greaterThanOrEqual">
      <formula>110</formula>
    </cfRule>
  </conditionalFormatting>
  <conditionalFormatting sqref="AD6">
    <cfRule type="cellIs" dxfId="362" priority="361" stopIfTrue="1" operator="equal">
      <formula>0</formula>
    </cfRule>
    <cfRule type="cellIs" dxfId="361" priority="362" operator="lessThanOrEqual">
      <formula>90</formula>
    </cfRule>
    <cfRule type="cellIs" dxfId="360" priority="363" operator="greaterThanOrEqual">
      <formula>110</formula>
    </cfRule>
  </conditionalFormatting>
  <conditionalFormatting sqref="AD7">
    <cfRule type="cellIs" dxfId="359" priority="358" stopIfTrue="1" operator="equal">
      <formula>0</formula>
    </cfRule>
    <cfRule type="cellIs" dxfId="358" priority="359" operator="lessThanOrEqual">
      <formula>90</formula>
    </cfRule>
    <cfRule type="cellIs" dxfId="357" priority="360" operator="greaterThanOrEqual">
      <formula>110</formula>
    </cfRule>
  </conditionalFormatting>
  <conditionalFormatting sqref="AD8">
    <cfRule type="cellIs" dxfId="356" priority="355" stopIfTrue="1" operator="equal">
      <formula>0</formula>
    </cfRule>
    <cfRule type="cellIs" dxfId="355" priority="356" operator="lessThanOrEqual">
      <formula>90</formula>
    </cfRule>
    <cfRule type="cellIs" dxfId="354" priority="357" operator="greaterThanOrEqual">
      <formula>110</formula>
    </cfRule>
  </conditionalFormatting>
  <conditionalFormatting sqref="AD9">
    <cfRule type="cellIs" dxfId="353" priority="352" stopIfTrue="1" operator="equal">
      <formula>0</formula>
    </cfRule>
    <cfRule type="cellIs" dxfId="352" priority="353" operator="lessThanOrEqual">
      <formula>90</formula>
    </cfRule>
    <cfRule type="cellIs" dxfId="351" priority="354" operator="greaterThanOrEqual">
      <formula>110</formula>
    </cfRule>
  </conditionalFormatting>
  <conditionalFormatting sqref="AD10">
    <cfRule type="cellIs" dxfId="350" priority="349" stopIfTrue="1" operator="equal">
      <formula>0</formula>
    </cfRule>
    <cfRule type="cellIs" dxfId="349" priority="350" operator="lessThanOrEqual">
      <formula>90</formula>
    </cfRule>
    <cfRule type="cellIs" dxfId="348" priority="351" operator="greaterThanOrEqual">
      <formula>110</formula>
    </cfRule>
  </conditionalFormatting>
  <conditionalFormatting sqref="AD11">
    <cfRule type="cellIs" dxfId="347" priority="346" stopIfTrue="1" operator="equal">
      <formula>0</formula>
    </cfRule>
    <cfRule type="cellIs" dxfId="346" priority="347" operator="lessThanOrEqual">
      <formula>90</formula>
    </cfRule>
    <cfRule type="cellIs" dxfId="345" priority="348" operator="greaterThanOrEqual">
      <formula>110</formula>
    </cfRule>
  </conditionalFormatting>
  <conditionalFormatting sqref="AD12">
    <cfRule type="cellIs" dxfId="344" priority="343" stopIfTrue="1" operator="equal">
      <formula>0</formula>
    </cfRule>
    <cfRule type="cellIs" dxfId="343" priority="344" operator="lessThanOrEqual">
      <formula>90</formula>
    </cfRule>
    <cfRule type="cellIs" dxfId="342" priority="345" operator="greaterThanOrEqual">
      <formula>110</formula>
    </cfRule>
  </conditionalFormatting>
  <conditionalFormatting sqref="AD13">
    <cfRule type="cellIs" dxfId="341" priority="340" stopIfTrue="1" operator="equal">
      <formula>0</formula>
    </cfRule>
    <cfRule type="cellIs" dxfId="340" priority="341" operator="lessThanOrEqual">
      <formula>90</formula>
    </cfRule>
    <cfRule type="cellIs" dxfId="339" priority="342" operator="greaterThanOrEqual">
      <formula>110</formula>
    </cfRule>
  </conditionalFormatting>
  <conditionalFormatting sqref="AD14">
    <cfRule type="cellIs" dxfId="338" priority="337" stopIfTrue="1" operator="equal">
      <formula>0</formula>
    </cfRule>
    <cfRule type="cellIs" dxfId="337" priority="338" operator="lessThanOrEqual">
      <formula>90</formula>
    </cfRule>
    <cfRule type="cellIs" dxfId="336" priority="339" operator="greaterThanOrEqual">
      <formula>110</formula>
    </cfRule>
  </conditionalFormatting>
  <conditionalFormatting sqref="AD15">
    <cfRule type="cellIs" dxfId="335" priority="334" stopIfTrue="1" operator="equal">
      <formula>0</formula>
    </cfRule>
    <cfRule type="cellIs" dxfId="334" priority="335" operator="lessThanOrEqual">
      <formula>90</formula>
    </cfRule>
    <cfRule type="cellIs" dxfId="333" priority="336" operator="greaterThanOrEqual">
      <formula>110</formula>
    </cfRule>
  </conditionalFormatting>
  <conditionalFormatting sqref="AD16">
    <cfRule type="cellIs" dxfId="332" priority="331" stopIfTrue="1" operator="equal">
      <formula>0</formula>
    </cfRule>
    <cfRule type="cellIs" dxfId="331" priority="332" operator="lessThanOrEqual">
      <formula>90</formula>
    </cfRule>
    <cfRule type="cellIs" dxfId="330" priority="333" operator="greaterThanOrEqual">
      <formula>110</formula>
    </cfRule>
  </conditionalFormatting>
  <conditionalFormatting sqref="AD17">
    <cfRule type="cellIs" dxfId="329" priority="328" stopIfTrue="1" operator="equal">
      <formula>0</formula>
    </cfRule>
    <cfRule type="cellIs" dxfId="328" priority="329" operator="lessThanOrEqual">
      <formula>90</formula>
    </cfRule>
    <cfRule type="cellIs" dxfId="327" priority="330" operator="greaterThanOrEqual">
      <formula>110</formula>
    </cfRule>
  </conditionalFormatting>
  <conditionalFormatting sqref="AD18">
    <cfRule type="cellIs" dxfId="326" priority="325" stopIfTrue="1" operator="equal">
      <formula>0</formula>
    </cfRule>
    <cfRule type="cellIs" dxfId="325" priority="326" operator="lessThanOrEqual">
      <formula>90</formula>
    </cfRule>
    <cfRule type="cellIs" dxfId="324" priority="327" operator="greaterThanOrEqual">
      <formula>110</formula>
    </cfRule>
  </conditionalFormatting>
  <conditionalFormatting sqref="AD19">
    <cfRule type="cellIs" dxfId="323" priority="322" stopIfTrue="1" operator="equal">
      <formula>0</formula>
    </cfRule>
    <cfRule type="cellIs" dxfId="322" priority="323" operator="lessThanOrEqual">
      <formula>90</formula>
    </cfRule>
    <cfRule type="cellIs" dxfId="321" priority="324" operator="greaterThanOrEqual">
      <formula>110</formula>
    </cfRule>
  </conditionalFormatting>
  <conditionalFormatting sqref="AD20">
    <cfRule type="cellIs" dxfId="320" priority="319" stopIfTrue="1" operator="equal">
      <formula>0</formula>
    </cfRule>
    <cfRule type="cellIs" dxfId="319" priority="320" operator="lessThanOrEqual">
      <formula>90</formula>
    </cfRule>
    <cfRule type="cellIs" dxfId="318" priority="321" operator="greaterThanOrEqual">
      <formula>110</formula>
    </cfRule>
  </conditionalFormatting>
  <conditionalFormatting sqref="AD21">
    <cfRule type="cellIs" dxfId="317" priority="316" stopIfTrue="1" operator="equal">
      <formula>0</formula>
    </cfRule>
    <cfRule type="cellIs" dxfId="316" priority="317" operator="lessThanOrEqual">
      <formula>90</formula>
    </cfRule>
    <cfRule type="cellIs" dxfId="315" priority="318" operator="greaterThanOrEqual">
      <formula>110</formula>
    </cfRule>
  </conditionalFormatting>
  <conditionalFormatting sqref="AD22">
    <cfRule type="cellIs" dxfId="314" priority="313" stopIfTrue="1" operator="equal">
      <formula>0</formula>
    </cfRule>
    <cfRule type="cellIs" dxfId="313" priority="314" operator="lessThanOrEqual">
      <formula>90</formula>
    </cfRule>
    <cfRule type="cellIs" dxfId="312" priority="315" operator="greaterThanOrEqual">
      <formula>110</formula>
    </cfRule>
  </conditionalFormatting>
  <conditionalFormatting sqref="AD23">
    <cfRule type="cellIs" dxfId="311" priority="310" stopIfTrue="1" operator="equal">
      <formula>0</formula>
    </cfRule>
    <cfRule type="cellIs" dxfId="310" priority="311" operator="lessThanOrEqual">
      <formula>90</formula>
    </cfRule>
    <cfRule type="cellIs" dxfId="309" priority="312" operator="greaterThanOrEqual">
      <formula>110</formula>
    </cfRule>
  </conditionalFormatting>
  <conditionalFormatting sqref="AD24">
    <cfRule type="cellIs" dxfId="308" priority="307" stopIfTrue="1" operator="equal">
      <formula>0</formula>
    </cfRule>
    <cfRule type="cellIs" dxfId="307" priority="308" operator="lessThanOrEqual">
      <formula>90</formula>
    </cfRule>
    <cfRule type="cellIs" dxfId="306" priority="309" operator="greaterThanOrEqual">
      <formula>110</formula>
    </cfRule>
  </conditionalFormatting>
  <conditionalFormatting sqref="AD25">
    <cfRule type="cellIs" dxfId="305" priority="304" stopIfTrue="1" operator="equal">
      <formula>0</formula>
    </cfRule>
    <cfRule type="cellIs" dxfId="304" priority="305" operator="lessThanOrEqual">
      <formula>90</formula>
    </cfRule>
    <cfRule type="cellIs" dxfId="303" priority="306" operator="greaterThanOrEqual">
      <formula>110</formula>
    </cfRule>
  </conditionalFormatting>
  <conditionalFormatting sqref="AD26">
    <cfRule type="cellIs" dxfId="302" priority="301" stopIfTrue="1" operator="equal">
      <formula>0</formula>
    </cfRule>
    <cfRule type="cellIs" dxfId="301" priority="302" operator="lessThanOrEqual">
      <formula>90</formula>
    </cfRule>
    <cfRule type="cellIs" dxfId="300" priority="303" operator="greaterThanOrEqual">
      <formula>110</formula>
    </cfRule>
  </conditionalFormatting>
  <conditionalFormatting sqref="AD27">
    <cfRule type="cellIs" dxfId="299" priority="298" stopIfTrue="1" operator="equal">
      <formula>0</formula>
    </cfRule>
    <cfRule type="cellIs" dxfId="298" priority="299" operator="lessThanOrEqual">
      <formula>90</formula>
    </cfRule>
    <cfRule type="cellIs" dxfId="297" priority="300" operator="greaterThanOrEqual">
      <formula>110</formula>
    </cfRule>
  </conditionalFormatting>
  <conditionalFormatting sqref="AD28">
    <cfRule type="cellIs" dxfId="296" priority="295" stopIfTrue="1" operator="equal">
      <formula>0</formula>
    </cfRule>
    <cfRule type="cellIs" dxfId="295" priority="296" operator="lessThanOrEqual">
      <formula>90</formula>
    </cfRule>
    <cfRule type="cellIs" dxfId="294" priority="297" operator="greaterThanOrEqual">
      <formula>110</formula>
    </cfRule>
  </conditionalFormatting>
  <conditionalFormatting sqref="AD29">
    <cfRule type="cellIs" dxfId="293" priority="292" stopIfTrue="1" operator="equal">
      <formula>0</formula>
    </cfRule>
    <cfRule type="cellIs" dxfId="292" priority="293" operator="lessThanOrEqual">
      <formula>90</formula>
    </cfRule>
    <cfRule type="cellIs" dxfId="291" priority="294" operator="greaterThanOrEqual">
      <formula>110</formula>
    </cfRule>
  </conditionalFormatting>
  <conditionalFormatting sqref="AD30">
    <cfRule type="cellIs" dxfId="290" priority="289" stopIfTrue="1" operator="equal">
      <formula>0</formula>
    </cfRule>
    <cfRule type="cellIs" dxfId="289" priority="290" operator="lessThanOrEqual">
      <formula>90</formula>
    </cfRule>
    <cfRule type="cellIs" dxfId="288" priority="291" operator="greaterThanOrEqual">
      <formula>110</formula>
    </cfRule>
  </conditionalFormatting>
  <conditionalFormatting sqref="AD31">
    <cfRule type="cellIs" dxfId="287" priority="286" stopIfTrue="1" operator="equal">
      <formula>0</formula>
    </cfRule>
    <cfRule type="cellIs" dxfId="286" priority="287" operator="lessThanOrEqual">
      <formula>90</formula>
    </cfRule>
    <cfRule type="cellIs" dxfId="285" priority="288" operator="greaterThanOrEqual">
      <formula>110</formula>
    </cfRule>
  </conditionalFormatting>
  <conditionalFormatting sqref="AD32">
    <cfRule type="cellIs" dxfId="284" priority="283" stopIfTrue="1" operator="equal">
      <formula>0</formula>
    </cfRule>
    <cfRule type="cellIs" dxfId="283" priority="284" operator="lessThanOrEqual">
      <formula>90</formula>
    </cfRule>
    <cfRule type="cellIs" dxfId="282" priority="285" operator="greaterThanOrEqual">
      <formula>110</formula>
    </cfRule>
  </conditionalFormatting>
  <conditionalFormatting sqref="AD33">
    <cfRule type="cellIs" dxfId="281" priority="280" stopIfTrue="1" operator="equal">
      <formula>0</formula>
    </cfRule>
    <cfRule type="cellIs" dxfId="280" priority="281" operator="lessThanOrEqual">
      <formula>90</formula>
    </cfRule>
    <cfRule type="cellIs" dxfId="279" priority="282" operator="greaterThanOrEqual">
      <formula>110</formula>
    </cfRule>
  </conditionalFormatting>
  <conditionalFormatting sqref="AD34">
    <cfRule type="cellIs" dxfId="278" priority="277" stopIfTrue="1" operator="equal">
      <formula>0</formula>
    </cfRule>
    <cfRule type="cellIs" dxfId="277" priority="278" operator="lessThanOrEqual">
      <formula>90</formula>
    </cfRule>
    <cfRule type="cellIs" dxfId="276" priority="279" operator="greaterThanOrEqual">
      <formula>110</formula>
    </cfRule>
  </conditionalFormatting>
  <conditionalFormatting sqref="AD35">
    <cfRule type="cellIs" dxfId="275" priority="274" stopIfTrue="1" operator="equal">
      <formula>0</formula>
    </cfRule>
    <cfRule type="cellIs" dxfId="274" priority="275" operator="lessThanOrEqual">
      <formula>90</formula>
    </cfRule>
    <cfRule type="cellIs" dxfId="273" priority="276" operator="greaterThanOrEqual">
      <formula>110</formula>
    </cfRule>
  </conditionalFormatting>
  <conditionalFormatting sqref="AD36">
    <cfRule type="cellIs" dxfId="272" priority="271" stopIfTrue="1" operator="equal">
      <formula>0</formula>
    </cfRule>
    <cfRule type="cellIs" dxfId="271" priority="272" operator="lessThanOrEqual">
      <formula>90</formula>
    </cfRule>
    <cfRule type="cellIs" dxfId="270" priority="273" operator="greaterThanOrEqual">
      <formula>110</formula>
    </cfRule>
  </conditionalFormatting>
  <conditionalFormatting sqref="AD37">
    <cfRule type="cellIs" dxfId="269" priority="268" stopIfTrue="1" operator="equal">
      <formula>0</formula>
    </cfRule>
    <cfRule type="cellIs" dxfId="268" priority="269" operator="lessThanOrEqual">
      <formula>90</formula>
    </cfRule>
    <cfRule type="cellIs" dxfId="267" priority="270" operator="greaterThanOrEqual">
      <formula>110</formula>
    </cfRule>
  </conditionalFormatting>
  <conditionalFormatting sqref="AD38">
    <cfRule type="cellIs" dxfId="266" priority="265" stopIfTrue="1" operator="equal">
      <formula>0</formula>
    </cfRule>
    <cfRule type="cellIs" dxfId="265" priority="266" operator="lessThanOrEqual">
      <formula>90</formula>
    </cfRule>
    <cfRule type="cellIs" dxfId="264" priority="267" operator="greaterThanOrEqual">
      <formula>110</formula>
    </cfRule>
  </conditionalFormatting>
  <conditionalFormatting sqref="AD39">
    <cfRule type="cellIs" dxfId="263" priority="262" stopIfTrue="1" operator="equal">
      <formula>0</formula>
    </cfRule>
    <cfRule type="cellIs" dxfId="262" priority="263" operator="lessThanOrEqual">
      <formula>90</formula>
    </cfRule>
    <cfRule type="cellIs" dxfId="261" priority="264" operator="greaterThanOrEqual">
      <formula>110</formula>
    </cfRule>
  </conditionalFormatting>
  <conditionalFormatting sqref="AD40">
    <cfRule type="cellIs" dxfId="260" priority="259" stopIfTrue="1" operator="equal">
      <formula>0</formula>
    </cfRule>
    <cfRule type="cellIs" dxfId="259" priority="260" operator="lessThanOrEqual">
      <formula>90</formula>
    </cfRule>
    <cfRule type="cellIs" dxfId="258" priority="261" operator="greaterThanOrEqual">
      <formula>110</formula>
    </cfRule>
  </conditionalFormatting>
  <conditionalFormatting sqref="AD41">
    <cfRule type="cellIs" dxfId="257" priority="256" stopIfTrue="1" operator="equal">
      <formula>0</formula>
    </cfRule>
    <cfRule type="cellIs" dxfId="256" priority="257" operator="lessThanOrEqual">
      <formula>90</formula>
    </cfRule>
    <cfRule type="cellIs" dxfId="255" priority="258" operator="greaterThanOrEqual">
      <formula>110</formula>
    </cfRule>
  </conditionalFormatting>
  <conditionalFormatting sqref="AD42">
    <cfRule type="cellIs" dxfId="254" priority="253" stopIfTrue="1" operator="equal">
      <formula>0</formula>
    </cfRule>
    <cfRule type="cellIs" dxfId="253" priority="254" operator="lessThanOrEqual">
      <formula>90</formula>
    </cfRule>
    <cfRule type="cellIs" dxfId="252" priority="255" operator="greaterThanOrEqual">
      <formula>110</formula>
    </cfRule>
  </conditionalFormatting>
  <conditionalFormatting sqref="AD43">
    <cfRule type="cellIs" dxfId="251" priority="250" stopIfTrue="1" operator="equal">
      <formula>0</formula>
    </cfRule>
    <cfRule type="cellIs" dxfId="250" priority="251" operator="lessThanOrEqual">
      <formula>90</formula>
    </cfRule>
    <cfRule type="cellIs" dxfId="249" priority="252" operator="greaterThanOrEqual">
      <formula>110</formula>
    </cfRule>
  </conditionalFormatting>
  <conditionalFormatting sqref="AD44">
    <cfRule type="cellIs" dxfId="248" priority="247" stopIfTrue="1" operator="equal">
      <formula>0</formula>
    </cfRule>
    <cfRule type="cellIs" dxfId="247" priority="248" operator="lessThanOrEqual">
      <formula>90</formula>
    </cfRule>
    <cfRule type="cellIs" dxfId="246" priority="249" operator="greaterThanOrEqual">
      <formula>110</formula>
    </cfRule>
  </conditionalFormatting>
  <conditionalFormatting sqref="AD45">
    <cfRule type="cellIs" dxfId="245" priority="244" stopIfTrue="1" operator="equal">
      <formula>0</formula>
    </cfRule>
    <cfRule type="cellIs" dxfId="244" priority="245" operator="lessThanOrEqual">
      <formula>90</formula>
    </cfRule>
    <cfRule type="cellIs" dxfId="243" priority="246" operator="greaterThanOrEqual">
      <formula>110</formula>
    </cfRule>
  </conditionalFormatting>
  <conditionalFormatting sqref="AD46">
    <cfRule type="cellIs" dxfId="242" priority="241" stopIfTrue="1" operator="equal">
      <formula>0</formula>
    </cfRule>
    <cfRule type="cellIs" dxfId="241" priority="242" operator="lessThanOrEqual">
      <formula>90</formula>
    </cfRule>
    <cfRule type="cellIs" dxfId="240" priority="243" operator="greaterThanOrEqual">
      <formula>110</formula>
    </cfRule>
  </conditionalFormatting>
  <conditionalFormatting sqref="AD47">
    <cfRule type="cellIs" dxfId="239" priority="238" stopIfTrue="1" operator="equal">
      <formula>0</formula>
    </cfRule>
    <cfRule type="cellIs" dxfId="238" priority="239" operator="lessThanOrEqual">
      <formula>90</formula>
    </cfRule>
    <cfRule type="cellIs" dxfId="237" priority="240" operator="greaterThanOrEqual">
      <formula>110</formula>
    </cfRule>
  </conditionalFormatting>
  <conditionalFormatting sqref="AD48">
    <cfRule type="cellIs" dxfId="236" priority="235" stopIfTrue="1" operator="equal">
      <formula>0</formula>
    </cfRule>
    <cfRule type="cellIs" dxfId="235" priority="236" operator="lessThanOrEqual">
      <formula>90</formula>
    </cfRule>
    <cfRule type="cellIs" dxfId="234" priority="237" operator="greaterThanOrEqual">
      <formula>110</formula>
    </cfRule>
  </conditionalFormatting>
  <conditionalFormatting sqref="AD49">
    <cfRule type="cellIs" dxfId="233" priority="232" stopIfTrue="1" operator="equal">
      <formula>0</formula>
    </cfRule>
    <cfRule type="cellIs" dxfId="232" priority="233" operator="lessThanOrEqual">
      <formula>90</formula>
    </cfRule>
    <cfRule type="cellIs" dxfId="231" priority="234" operator="greaterThanOrEqual">
      <formula>110</formula>
    </cfRule>
  </conditionalFormatting>
  <conditionalFormatting sqref="AD50">
    <cfRule type="cellIs" dxfId="230" priority="229" stopIfTrue="1" operator="equal">
      <formula>0</formula>
    </cfRule>
    <cfRule type="cellIs" dxfId="229" priority="230" operator="lessThanOrEqual">
      <formula>90</formula>
    </cfRule>
    <cfRule type="cellIs" dxfId="228" priority="231" operator="greaterThanOrEqual">
      <formula>110</formula>
    </cfRule>
  </conditionalFormatting>
  <conditionalFormatting sqref="AD51">
    <cfRule type="cellIs" dxfId="227" priority="226" stopIfTrue="1" operator="equal">
      <formula>0</formula>
    </cfRule>
    <cfRule type="cellIs" dxfId="226" priority="227" operator="lessThanOrEqual">
      <formula>90</formula>
    </cfRule>
    <cfRule type="cellIs" dxfId="225" priority="228" operator="greaterThanOrEqual">
      <formula>110</formula>
    </cfRule>
  </conditionalFormatting>
  <conditionalFormatting sqref="AD52">
    <cfRule type="cellIs" dxfId="224" priority="223" stopIfTrue="1" operator="equal">
      <formula>0</formula>
    </cfRule>
    <cfRule type="cellIs" dxfId="223" priority="224" operator="lessThanOrEqual">
      <formula>90</formula>
    </cfRule>
    <cfRule type="cellIs" dxfId="222" priority="225" operator="greaterThanOrEqual">
      <formula>110</formula>
    </cfRule>
  </conditionalFormatting>
  <conditionalFormatting sqref="AD53">
    <cfRule type="cellIs" dxfId="221" priority="220" stopIfTrue="1" operator="equal">
      <formula>0</formula>
    </cfRule>
    <cfRule type="cellIs" dxfId="220" priority="221" operator="lessThanOrEqual">
      <formula>90</formula>
    </cfRule>
    <cfRule type="cellIs" dxfId="219" priority="222" operator="greaterThanOrEqual">
      <formula>110</formula>
    </cfRule>
  </conditionalFormatting>
  <conditionalFormatting sqref="AD54">
    <cfRule type="cellIs" dxfId="218" priority="217" stopIfTrue="1" operator="equal">
      <formula>0</formula>
    </cfRule>
    <cfRule type="cellIs" dxfId="217" priority="218" operator="lessThanOrEqual">
      <formula>90</formula>
    </cfRule>
    <cfRule type="cellIs" dxfId="216" priority="219" operator="greaterThanOrEqual">
      <formula>110</formula>
    </cfRule>
  </conditionalFormatting>
  <conditionalFormatting sqref="AD55">
    <cfRule type="cellIs" dxfId="215" priority="214" stopIfTrue="1" operator="equal">
      <formula>0</formula>
    </cfRule>
    <cfRule type="cellIs" dxfId="214" priority="215" operator="lessThanOrEqual">
      <formula>90</formula>
    </cfRule>
    <cfRule type="cellIs" dxfId="213" priority="216" operator="greaterThanOrEqual">
      <formula>110</formula>
    </cfRule>
  </conditionalFormatting>
  <conditionalFormatting sqref="AD56">
    <cfRule type="cellIs" dxfId="212" priority="211" stopIfTrue="1" operator="equal">
      <formula>0</formula>
    </cfRule>
    <cfRule type="cellIs" dxfId="211" priority="212" operator="lessThanOrEqual">
      <formula>90</formula>
    </cfRule>
    <cfRule type="cellIs" dxfId="210" priority="213" operator="greaterThanOrEqual">
      <formula>110</formula>
    </cfRule>
  </conditionalFormatting>
  <conditionalFormatting sqref="AD57">
    <cfRule type="cellIs" dxfId="209" priority="208" stopIfTrue="1" operator="equal">
      <formula>0</formula>
    </cfRule>
    <cfRule type="cellIs" dxfId="208" priority="209" operator="lessThanOrEqual">
      <formula>90</formula>
    </cfRule>
    <cfRule type="cellIs" dxfId="207" priority="210" operator="greaterThanOrEqual">
      <formula>110</formula>
    </cfRule>
  </conditionalFormatting>
  <conditionalFormatting sqref="AD58">
    <cfRule type="cellIs" dxfId="206" priority="205" stopIfTrue="1" operator="equal">
      <formula>0</formula>
    </cfRule>
    <cfRule type="cellIs" dxfId="205" priority="206" operator="lessThanOrEqual">
      <formula>90</formula>
    </cfRule>
    <cfRule type="cellIs" dxfId="204" priority="207" operator="greaterThanOrEqual">
      <formula>110</formula>
    </cfRule>
  </conditionalFormatting>
  <conditionalFormatting sqref="AD59">
    <cfRule type="cellIs" dxfId="203" priority="202" stopIfTrue="1" operator="equal">
      <formula>0</formula>
    </cfRule>
    <cfRule type="cellIs" dxfId="202" priority="203" operator="lessThanOrEqual">
      <formula>90</formula>
    </cfRule>
    <cfRule type="cellIs" dxfId="201" priority="204" operator="greaterThanOrEqual">
      <formula>110</formula>
    </cfRule>
  </conditionalFormatting>
  <conditionalFormatting sqref="AD60">
    <cfRule type="cellIs" dxfId="200" priority="199" stopIfTrue="1" operator="equal">
      <formula>0</formula>
    </cfRule>
    <cfRule type="cellIs" dxfId="199" priority="200" operator="lessThanOrEqual">
      <formula>90</formula>
    </cfRule>
    <cfRule type="cellIs" dxfId="198" priority="201" operator="greaterThanOrEqual">
      <formula>110</formula>
    </cfRule>
  </conditionalFormatting>
  <conditionalFormatting sqref="AD61">
    <cfRule type="cellIs" dxfId="197" priority="196" stopIfTrue="1" operator="equal">
      <formula>0</formula>
    </cfRule>
    <cfRule type="cellIs" dxfId="196" priority="197" operator="lessThanOrEqual">
      <formula>90</formula>
    </cfRule>
    <cfRule type="cellIs" dxfId="195" priority="198" operator="greaterThanOrEqual">
      <formula>110</formula>
    </cfRule>
  </conditionalFormatting>
  <conditionalFormatting sqref="AD62">
    <cfRule type="cellIs" dxfId="194" priority="193" stopIfTrue="1" operator="equal">
      <formula>0</formula>
    </cfRule>
    <cfRule type="cellIs" dxfId="193" priority="194" operator="lessThanOrEqual">
      <formula>90</formula>
    </cfRule>
    <cfRule type="cellIs" dxfId="192" priority="195" operator="greaterThanOrEqual">
      <formula>110</formula>
    </cfRule>
  </conditionalFormatting>
  <conditionalFormatting sqref="AD63">
    <cfRule type="cellIs" dxfId="191" priority="190" stopIfTrue="1" operator="equal">
      <formula>0</formula>
    </cfRule>
    <cfRule type="cellIs" dxfId="190" priority="191" operator="lessThanOrEqual">
      <formula>90</formula>
    </cfRule>
    <cfRule type="cellIs" dxfId="189" priority="192" operator="greaterThanOrEqual">
      <formula>110</formula>
    </cfRule>
  </conditionalFormatting>
  <conditionalFormatting sqref="AD64">
    <cfRule type="cellIs" dxfId="188" priority="187" stopIfTrue="1" operator="equal">
      <formula>0</formula>
    </cfRule>
    <cfRule type="cellIs" dxfId="187" priority="188" operator="lessThanOrEqual">
      <formula>90</formula>
    </cfRule>
    <cfRule type="cellIs" dxfId="186" priority="189" operator="greaterThanOrEqual">
      <formula>110</formula>
    </cfRule>
  </conditionalFormatting>
  <conditionalFormatting sqref="AD65">
    <cfRule type="cellIs" dxfId="185" priority="184" stopIfTrue="1" operator="equal">
      <formula>0</formula>
    </cfRule>
    <cfRule type="cellIs" dxfId="184" priority="185" operator="lessThanOrEqual">
      <formula>90</formula>
    </cfRule>
    <cfRule type="cellIs" dxfId="183" priority="186" operator="greaterThanOrEqual">
      <formula>110</formula>
    </cfRule>
  </conditionalFormatting>
  <conditionalFormatting sqref="AE5">
    <cfRule type="cellIs" dxfId="182" priority="181" stopIfTrue="1" operator="equal">
      <formula>0</formula>
    </cfRule>
    <cfRule type="cellIs" dxfId="181" priority="182" operator="lessThanOrEqual">
      <formula>90</formula>
    </cfRule>
    <cfRule type="cellIs" dxfId="180" priority="183" operator="greaterThanOrEqual">
      <formula>110</formula>
    </cfRule>
  </conditionalFormatting>
  <conditionalFormatting sqref="AE6">
    <cfRule type="cellIs" dxfId="179" priority="178" stopIfTrue="1" operator="equal">
      <formula>0</formula>
    </cfRule>
    <cfRule type="cellIs" dxfId="178" priority="179" operator="lessThanOrEqual">
      <formula>90</formula>
    </cfRule>
    <cfRule type="cellIs" dxfId="177" priority="180" operator="greaterThanOrEqual">
      <formula>110</formula>
    </cfRule>
  </conditionalFormatting>
  <conditionalFormatting sqref="AE7">
    <cfRule type="cellIs" dxfId="176" priority="175" stopIfTrue="1" operator="equal">
      <formula>0</formula>
    </cfRule>
    <cfRule type="cellIs" dxfId="175" priority="176" operator="lessThanOrEqual">
      <formula>90</formula>
    </cfRule>
    <cfRule type="cellIs" dxfId="174" priority="177" operator="greaterThanOrEqual">
      <formula>110</formula>
    </cfRule>
  </conditionalFormatting>
  <conditionalFormatting sqref="AE8">
    <cfRule type="cellIs" dxfId="173" priority="172" stopIfTrue="1" operator="equal">
      <formula>0</formula>
    </cfRule>
    <cfRule type="cellIs" dxfId="172" priority="173" operator="lessThanOrEqual">
      <formula>90</formula>
    </cfRule>
    <cfRule type="cellIs" dxfId="171" priority="174" operator="greaterThanOrEqual">
      <formula>110</formula>
    </cfRule>
  </conditionalFormatting>
  <conditionalFormatting sqref="AE9">
    <cfRule type="cellIs" dxfId="170" priority="169" stopIfTrue="1" operator="equal">
      <formula>0</formula>
    </cfRule>
    <cfRule type="cellIs" dxfId="169" priority="170" operator="lessThanOrEqual">
      <formula>90</formula>
    </cfRule>
    <cfRule type="cellIs" dxfId="168" priority="171" operator="greaterThanOrEqual">
      <formula>110</formula>
    </cfRule>
  </conditionalFormatting>
  <conditionalFormatting sqref="AE10">
    <cfRule type="cellIs" dxfId="167" priority="166" stopIfTrue="1" operator="equal">
      <formula>0</formula>
    </cfRule>
    <cfRule type="cellIs" dxfId="166" priority="167" operator="lessThanOrEqual">
      <formula>90</formula>
    </cfRule>
    <cfRule type="cellIs" dxfId="165" priority="168" operator="greaterThanOrEqual">
      <formula>110</formula>
    </cfRule>
  </conditionalFormatting>
  <conditionalFormatting sqref="AE11">
    <cfRule type="cellIs" dxfId="164" priority="163" stopIfTrue="1" operator="equal">
      <formula>0</formula>
    </cfRule>
    <cfRule type="cellIs" dxfId="163" priority="164" operator="lessThanOrEqual">
      <formula>90</formula>
    </cfRule>
    <cfRule type="cellIs" dxfId="162" priority="165" operator="greaterThanOrEqual">
      <formula>110</formula>
    </cfRule>
  </conditionalFormatting>
  <conditionalFormatting sqref="AE12">
    <cfRule type="cellIs" dxfId="161" priority="160" stopIfTrue="1" operator="equal">
      <formula>0</formula>
    </cfRule>
    <cfRule type="cellIs" dxfId="160" priority="161" operator="lessThanOrEqual">
      <formula>90</formula>
    </cfRule>
    <cfRule type="cellIs" dxfId="159" priority="162" operator="greaterThanOrEqual">
      <formula>110</formula>
    </cfRule>
  </conditionalFormatting>
  <conditionalFormatting sqref="AE13">
    <cfRule type="cellIs" dxfId="158" priority="157" stopIfTrue="1" operator="equal">
      <formula>0</formula>
    </cfRule>
    <cfRule type="cellIs" dxfId="157" priority="158" operator="lessThanOrEqual">
      <formula>90</formula>
    </cfRule>
    <cfRule type="cellIs" dxfId="156" priority="159" operator="greaterThanOrEqual">
      <formula>110</formula>
    </cfRule>
  </conditionalFormatting>
  <conditionalFormatting sqref="AE14">
    <cfRule type="cellIs" dxfId="155" priority="154" stopIfTrue="1" operator="equal">
      <formula>0</formula>
    </cfRule>
    <cfRule type="cellIs" dxfId="154" priority="155" operator="lessThanOrEqual">
      <formula>90</formula>
    </cfRule>
    <cfRule type="cellIs" dxfId="153" priority="156" operator="greaterThanOrEqual">
      <formula>110</formula>
    </cfRule>
  </conditionalFormatting>
  <conditionalFormatting sqref="AE15">
    <cfRule type="cellIs" dxfId="152" priority="151" stopIfTrue="1" operator="equal">
      <formula>0</formula>
    </cfRule>
    <cfRule type="cellIs" dxfId="151" priority="152" operator="lessThanOrEqual">
      <formula>90</formula>
    </cfRule>
    <cfRule type="cellIs" dxfId="150" priority="153" operator="greaterThanOrEqual">
      <formula>110</formula>
    </cfRule>
  </conditionalFormatting>
  <conditionalFormatting sqref="AE16">
    <cfRule type="cellIs" dxfId="149" priority="148" stopIfTrue="1" operator="equal">
      <formula>0</formula>
    </cfRule>
    <cfRule type="cellIs" dxfId="148" priority="149" operator="lessThanOrEqual">
      <formula>90</formula>
    </cfRule>
    <cfRule type="cellIs" dxfId="147" priority="150" operator="greaterThanOrEqual">
      <formula>110</formula>
    </cfRule>
  </conditionalFormatting>
  <conditionalFormatting sqref="AE17">
    <cfRule type="cellIs" dxfId="146" priority="145" stopIfTrue="1" operator="equal">
      <formula>0</formula>
    </cfRule>
    <cfRule type="cellIs" dxfId="145" priority="146" operator="lessThanOrEqual">
      <formula>90</formula>
    </cfRule>
    <cfRule type="cellIs" dxfId="144" priority="147" operator="greaterThanOrEqual">
      <formula>110</formula>
    </cfRule>
  </conditionalFormatting>
  <conditionalFormatting sqref="AE18">
    <cfRule type="cellIs" dxfId="143" priority="142" stopIfTrue="1" operator="equal">
      <formula>0</formula>
    </cfRule>
    <cfRule type="cellIs" dxfId="142" priority="143" operator="lessThanOrEqual">
      <formula>90</formula>
    </cfRule>
    <cfRule type="cellIs" dxfId="141" priority="144" operator="greaterThanOrEqual">
      <formula>110</formula>
    </cfRule>
  </conditionalFormatting>
  <conditionalFormatting sqref="AE19">
    <cfRule type="cellIs" dxfId="140" priority="139" stopIfTrue="1" operator="equal">
      <formula>0</formula>
    </cfRule>
    <cfRule type="cellIs" dxfId="139" priority="140" operator="lessThanOrEqual">
      <formula>90</formula>
    </cfRule>
    <cfRule type="cellIs" dxfId="138" priority="141" operator="greaterThanOrEqual">
      <formula>110</formula>
    </cfRule>
  </conditionalFormatting>
  <conditionalFormatting sqref="AE20">
    <cfRule type="cellIs" dxfId="137" priority="136" stopIfTrue="1" operator="equal">
      <formula>0</formula>
    </cfRule>
    <cfRule type="cellIs" dxfId="136" priority="137" operator="lessThanOrEqual">
      <formula>90</formula>
    </cfRule>
    <cfRule type="cellIs" dxfId="135" priority="138" operator="greaterThanOrEqual">
      <formula>110</formula>
    </cfRule>
  </conditionalFormatting>
  <conditionalFormatting sqref="AE21">
    <cfRule type="cellIs" dxfId="134" priority="133" stopIfTrue="1" operator="equal">
      <formula>0</formula>
    </cfRule>
    <cfRule type="cellIs" dxfId="133" priority="134" operator="lessThanOrEqual">
      <formula>90</formula>
    </cfRule>
    <cfRule type="cellIs" dxfId="132" priority="135" operator="greaterThanOrEqual">
      <formula>110</formula>
    </cfRule>
  </conditionalFormatting>
  <conditionalFormatting sqref="AE22">
    <cfRule type="cellIs" dxfId="131" priority="130" stopIfTrue="1" operator="equal">
      <formula>0</formula>
    </cfRule>
    <cfRule type="cellIs" dxfId="130" priority="131" operator="lessThanOrEqual">
      <formula>90</formula>
    </cfRule>
    <cfRule type="cellIs" dxfId="129" priority="132" operator="greaterThanOrEqual">
      <formula>110</formula>
    </cfRule>
  </conditionalFormatting>
  <conditionalFormatting sqref="AE23">
    <cfRule type="cellIs" dxfId="128" priority="127" stopIfTrue="1" operator="equal">
      <formula>0</formula>
    </cfRule>
    <cfRule type="cellIs" dxfId="127" priority="128" operator="lessThanOrEqual">
      <formula>90</formula>
    </cfRule>
    <cfRule type="cellIs" dxfId="126" priority="129" operator="greaterThanOrEqual">
      <formula>110</formula>
    </cfRule>
  </conditionalFormatting>
  <conditionalFormatting sqref="AE24">
    <cfRule type="cellIs" dxfId="125" priority="124" stopIfTrue="1" operator="equal">
      <formula>0</formula>
    </cfRule>
    <cfRule type="cellIs" dxfId="124" priority="125" operator="lessThanOrEqual">
      <formula>90</formula>
    </cfRule>
    <cfRule type="cellIs" dxfId="123" priority="126" operator="greaterThanOrEqual">
      <formula>110</formula>
    </cfRule>
  </conditionalFormatting>
  <conditionalFormatting sqref="AE25">
    <cfRule type="cellIs" dxfId="122" priority="121" stopIfTrue="1" operator="equal">
      <formula>0</formula>
    </cfRule>
    <cfRule type="cellIs" dxfId="121" priority="122" operator="lessThanOrEqual">
      <formula>90</formula>
    </cfRule>
    <cfRule type="cellIs" dxfId="120" priority="123" operator="greaterThanOrEqual">
      <formula>110</formula>
    </cfRule>
  </conditionalFormatting>
  <conditionalFormatting sqref="AE26">
    <cfRule type="cellIs" dxfId="119" priority="118" stopIfTrue="1" operator="equal">
      <formula>0</formula>
    </cfRule>
    <cfRule type="cellIs" dxfId="118" priority="119" operator="lessThanOrEqual">
      <formula>90</formula>
    </cfRule>
    <cfRule type="cellIs" dxfId="117" priority="120" operator="greaterThanOrEqual">
      <formula>110</formula>
    </cfRule>
  </conditionalFormatting>
  <conditionalFormatting sqref="AE27">
    <cfRule type="cellIs" dxfId="116" priority="115" stopIfTrue="1" operator="equal">
      <formula>0</formula>
    </cfRule>
    <cfRule type="cellIs" dxfId="115" priority="116" operator="lessThanOrEqual">
      <formula>90</formula>
    </cfRule>
    <cfRule type="cellIs" dxfId="114" priority="117" operator="greaterThanOrEqual">
      <formula>110</formula>
    </cfRule>
  </conditionalFormatting>
  <conditionalFormatting sqref="AE28">
    <cfRule type="cellIs" dxfId="113" priority="112" stopIfTrue="1" operator="equal">
      <formula>0</formula>
    </cfRule>
    <cfRule type="cellIs" dxfId="112" priority="113" operator="lessThanOrEqual">
      <formula>90</formula>
    </cfRule>
    <cfRule type="cellIs" dxfId="111" priority="114" operator="greaterThanOrEqual">
      <formula>110</formula>
    </cfRule>
  </conditionalFormatting>
  <conditionalFormatting sqref="AE29">
    <cfRule type="cellIs" dxfId="110" priority="109" stopIfTrue="1" operator="equal">
      <formula>0</formula>
    </cfRule>
    <cfRule type="cellIs" dxfId="109" priority="110" operator="lessThanOrEqual">
      <formula>90</formula>
    </cfRule>
    <cfRule type="cellIs" dxfId="108" priority="111" operator="greaterThanOrEqual">
      <formula>110</formula>
    </cfRule>
  </conditionalFormatting>
  <conditionalFormatting sqref="AE30">
    <cfRule type="cellIs" dxfId="107" priority="106" stopIfTrue="1" operator="equal">
      <formula>0</formula>
    </cfRule>
    <cfRule type="cellIs" dxfId="106" priority="107" operator="lessThanOrEqual">
      <formula>90</formula>
    </cfRule>
    <cfRule type="cellIs" dxfId="105" priority="108" operator="greaterThanOrEqual">
      <formula>110</formula>
    </cfRule>
  </conditionalFormatting>
  <conditionalFormatting sqref="AE31">
    <cfRule type="cellIs" dxfId="104" priority="103" stopIfTrue="1" operator="equal">
      <formula>0</formula>
    </cfRule>
    <cfRule type="cellIs" dxfId="103" priority="104" operator="lessThanOrEqual">
      <formula>90</formula>
    </cfRule>
    <cfRule type="cellIs" dxfId="102" priority="105" operator="greaterThanOrEqual">
      <formula>110</formula>
    </cfRule>
  </conditionalFormatting>
  <conditionalFormatting sqref="AE32">
    <cfRule type="cellIs" dxfId="101" priority="100" stopIfTrue="1" operator="equal">
      <formula>0</formula>
    </cfRule>
    <cfRule type="cellIs" dxfId="100" priority="101" operator="lessThanOrEqual">
      <formula>90</formula>
    </cfRule>
    <cfRule type="cellIs" dxfId="99" priority="102" operator="greaterThanOrEqual">
      <formula>110</formula>
    </cfRule>
  </conditionalFormatting>
  <conditionalFormatting sqref="AE33">
    <cfRule type="cellIs" dxfId="98" priority="97" stopIfTrue="1" operator="equal">
      <formula>0</formula>
    </cfRule>
    <cfRule type="cellIs" dxfId="97" priority="98" operator="lessThanOrEqual">
      <formula>90</formula>
    </cfRule>
    <cfRule type="cellIs" dxfId="96" priority="99" operator="greaterThanOrEqual">
      <formula>110</formula>
    </cfRule>
  </conditionalFormatting>
  <conditionalFormatting sqref="AE34">
    <cfRule type="cellIs" dxfId="95" priority="94" stopIfTrue="1" operator="equal">
      <formula>0</formula>
    </cfRule>
    <cfRule type="cellIs" dxfId="94" priority="95" operator="lessThanOrEqual">
      <formula>90</formula>
    </cfRule>
    <cfRule type="cellIs" dxfId="93" priority="96" operator="greaterThanOrEqual">
      <formula>110</formula>
    </cfRule>
  </conditionalFormatting>
  <conditionalFormatting sqref="AE35">
    <cfRule type="cellIs" dxfId="92" priority="91" stopIfTrue="1" operator="equal">
      <formula>0</formula>
    </cfRule>
    <cfRule type="cellIs" dxfId="91" priority="92" operator="lessThanOrEqual">
      <formula>90</formula>
    </cfRule>
    <cfRule type="cellIs" dxfId="90" priority="93" operator="greaterThanOrEqual">
      <formula>110</formula>
    </cfRule>
  </conditionalFormatting>
  <conditionalFormatting sqref="AE36">
    <cfRule type="cellIs" dxfId="89" priority="88" stopIfTrue="1" operator="equal">
      <formula>0</formula>
    </cfRule>
    <cfRule type="cellIs" dxfId="88" priority="89" operator="lessThanOrEqual">
      <formula>90</formula>
    </cfRule>
    <cfRule type="cellIs" dxfId="87" priority="90" operator="greaterThanOrEqual">
      <formula>110</formula>
    </cfRule>
  </conditionalFormatting>
  <conditionalFormatting sqref="AE37">
    <cfRule type="cellIs" dxfId="86" priority="85" stopIfTrue="1" operator="equal">
      <formula>0</formula>
    </cfRule>
    <cfRule type="cellIs" dxfId="85" priority="86" operator="lessThanOrEqual">
      <formula>90</formula>
    </cfRule>
    <cfRule type="cellIs" dxfId="84" priority="87" operator="greaterThanOrEqual">
      <formula>110</formula>
    </cfRule>
  </conditionalFormatting>
  <conditionalFormatting sqref="AE38">
    <cfRule type="cellIs" dxfId="83" priority="82" stopIfTrue="1" operator="equal">
      <formula>0</formula>
    </cfRule>
    <cfRule type="cellIs" dxfId="82" priority="83" operator="lessThanOrEqual">
      <formula>90</formula>
    </cfRule>
    <cfRule type="cellIs" dxfId="81" priority="84" operator="greaterThanOrEqual">
      <formula>110</formula>
    </cfRule>
  </conditionalFormatting>
  <conditionalFormatting sqref="AE39">
    <cfRule type="cellIs" dxfId="80" priority="79" stopIfTrue="1" operator="equal">
      <formula>0</formula>
    </cfRule>
    <cfRule type="cellIs" dxfId="79" priority="80" operator="lessThanOrEqual">
      <formula>90</formula>
    </cfRule>
    <cfRule type="cellIs" dxfId="78" priority="81" operator="greaterThanOrEqual">
      <formula>110</formula>
    </cfRule>
  </conditionalFormatting>
  <conditionalFormatting sqref="AE40">
    <cfRule type="cellIs" dxfId="77" priority="76" stopIfTrue="1" operator="equal">
      <formula>0</formula>
    </cfRule>
    <cfRule type="cellIs" dxfId="76" priority="77" operator="lessThanOrEqual">
      <formula>90</formula>
    </cfRule>
    <cfRule type="cellIs" dxfId="75" priority="78" operator="greaterThanOrEqual">
      <formula>110</formula>
    </cfRule>
  </conditionalFormatting>
  <conditionalFormatting sqref="AE41">
    <cfRule type="cellIs" dxfId="74" priority="73" stopIfTrue="1" operator="equal">
      <formula>0</formula>
    </cfRule>
    <cfRule type="cellIs" dxfId="73" priority="74" operator="lessThanOrEqual">
      <formula>90</formula>
    </cfRule>
    <cfRule type="cellIs" dxfId="72" priority="75" operator="greaterThanOrEqual">
      <formula>110</formula>
    </cfRule>
  </conditionalFormatting>
  <conditionalFormatting sqref="AE42">
    <cfRule type="cellIs" dxfId="71" priority="70" stopIfTrue="1" operator="equal">
      <formula>0</formula>
    </cfRule>
    <cfRule type="cellIs" dxfId="70" priority="71" operator="lessThanOrEqual">
      <formula>90</formula>
    </cfRule>
    <cfRule type="cellIs" dxfId="69" priority="72" operator="greaterThanOrEqual">
      <formula>110</formula>
    </cfRule>
  </conditionalFormatting>
  <conditionalFormatting sqref="AE43">
    <cfRule type="cellIs" dxfId="68" priority="67" stopIfTrue="1" operator="equal">
      <formula>0</formula>
    </cfRule>
    <cfRule type="cellIs" dxfId="67" priority="68" operator="lessThanOrEqual">
      <formula>90</formula>
    </cfRule>
    <cfRule type="cellIs" dxfId="66" priority="69" operator="greaterThanOrEqual">
      <formula>110</formula>
    </cfRule>
  </conditionalFormatting>
  <conditionalFormatting sqref="AE44">
    <cfRule type="cellIs" dxfId="65" priority="64" stopIfTrue="1" operator="equal">
      <formula>0</formula>
    </cfRule>
    <cfRule type="cellIs" dxfId="64" priority="65" operator="lessThanOrEqual">
      <formula>90</formula>
    </cfRule>
    <cfRule type="cellIs" dxfId="63" priority="66" operator="greaterThanOrEqual">
      <formula>110</formula>
    </cfRule>
  </conditionalFormatting>
  <conditionalFormatting sqref="AE45">
    <cfRule type="cellIs" dxfId="62" priority="61" stopIfTrue="1" operator="equal">
      <formula>0</formula>
    </cfRule>
    <cfRule type="cellIs" dxfId="61" priority="62" operator="lessThanOrEqual">
      <formula>90</formula>
    </cfRule>
    <cfRule type="cellIs" dxfId="60" priority="63" operator="greaterThanOrEqual">
      <formula>110</formula>
    </cfRule>
  </conditionalFormatting>
  <conditionalFormatting sqref="AE46">
    <cfRule type="cellIs" dxfId="59" priority="58" stopIfTrue="1" operator="equal">
      <formula>0</formula>
    </cfRule>
    <cfRule type="cellIs" dxfId="58" priority="59" operator="lessThanOrEqual">
      <formula>90</formula>
    </cfRule>
    <cfRule type="cellIs" dxfId="57" priority="60" operator="greaterThanOrEqual">
      <formula>110</formula>
    </cfRule>
  </conditionalFormatting>
  <conditionalFormatting sqref="AE47">
    <cfRule type="cellIs" dxfId="56" priority="55" stopIfTrue="1" operator="equal">
      <formula>0</formula>
    </cfRule>
    <cfRule type="cellIs" dxfId="55" priority="56" operator="lessThanOrEqual">
      <formula>90</formula>
    </cfRule>
    <cfRule type="cellIs" dxfId="54" priority="57" operator="greaterThanOrEqual">
      <formula>110</formula>
    </cfRule>
  </conditionalFormatting>
  <conditionalFormatting sqref="AE48">
    <cfRule type="cellIs" dxfId="53" priority="52" stopIfTrue="1" operator="equal">
      <formula>0</formula>
    </cfRule>
    <cfRule type="cellIs" dxfId="52" priority="53" operator="lessThanOrEqual">
      <formula>90</formula>
    </cfRule>
    <cfRule type="cellIs" dxfId="51" priority="54" operator="greaterThanOrEqual">
      <formula>110</formula>
    </cfRule>
  </conditionalFormatting>
  <conditionalFormatting sqref="AE49">
    <cfRule type="cellIs" dxfId="50" priority="49" stopIfTrue="1" operator="equal">
      <formula>0</formula>
    </cfRule>
    <cfRule type="cellIs" dxfId="49" priority="50" operator="lessThanOrEqual">
      <formula>90</formula>
    </cfRule>
    <cfRule type="cellIs" dxfId="48" priority="51" operator="greaterThanOrEqual">
      <formula>110</formula>
    </cfRule>
  </conditionalFormatting>
  <conditionalFormatting sqref="AE50">
    <cfRule type="cellIs" dxfId="47" priority="46" stopIfTrue="1" operator="equal">
      <formula>0</formula>
    </cfRule>
    <cfRule type="cellIs" dxfId="46" priority="47" operator="lessThanOrEqual">
      <formula>90</formula>
    </cfRule>
    <cfRule type="cellIs" dxfId="45" priority="48" operator="greaterThanOrEqual">
      <formula>110</formula>
    </cfRule>
  </conditionalFormatting>
  <conditionalFormatting sqref="AE51">
    <cfRule type="cellIs" dxfId="44" priority="43" stopIfTrue="1" operator="equal">
      <formula>0</formula>
    </cfRule>
    <cfRule type="cellIs" dxfId="43" priority="44" operator="lessThanOrEqual">
      <formula>90</formula>
    </cfRule>
    <cfRule type="cellIs" dxfId="42" priority="45" operator="greaterThanOrEqual">
      <formula>110</formula>
    </cfRule>
  </conditionalFormatting>
  <conditionalFormatting sqref="AE52">
    <cfRule type="cellIs" dxfId="41" priority="40" stopIfTrue="1" operator="equal">
      <formula>0</formula>
    </cfRule>
    <cfRule type="cellIs" dxfId="40" priority="41" operator="lessThanOrEqual">
      <formula>90</formula>
    </cfRule>
    <cfRule type="cellIs" dxfId="39" priority="42" operator="greaterThanOrEqual">
      <formula>110</formula>
    </cfRule>
  </conditionalFormatting>
  <conditionalFormatting sqref="AE53">
    <cfRule type="cellIs" dxfId="38" priority="37" stopIfTrue="1" operator="equal">
      <formula>0</formula>
    </cfRule>
    <cfRule type="cellIs" dxfId="37" priority="38" operator="lessThanOrEqual">
      <formula>90</formula>
    </cfRule>
    <cfRule type="cellIs" dxfId="36" priority="39" operator="greaterThanOrEqual">
      <formula>110</formula>
    </cfRule>
  </conditionalFormatting>
  <conditionalFormatting sqref="AE54">
    <cfRule type="cellIs" dxfId="35" priority="34" stopIfTrue="1" operator="equal">
      <formula>0</formula>
    </cfRule>
    <cfRule type="cellIs" dxfId="34" priority="35" operator="lessThanOrEqual">
      <formula>90</formula>
    </cfRule>
    <cfRule type="cellIs" dxfId="33" priority="36" operator="greaterThanOrEqual">
      <formula>110</formula>
    </cfRule>
  </conditionalFormatting>
  <conditionalFormatting sqref="AE55">
    <cfRule type="cellIs" dxfId="32" priority="31" stopIfTrue="1" operator="equal">
      <formula>0</formula>
    </cfRule>
    <cfRule type="cellIs" dxfId="31" priority="32" operator="lessThanOrEqual">
      <formula>90</formula>
    </cfRule>
    <cfRule type="cellIs" dxfId="30" priority="33" operator="greaterThanOrEqual">
      <formula>110</formula>
    </cfRule>
  </conditionalFormatting>
  <conditionalFormatting sqref="AE56">
    <cfRule type="cellIs" dxfId="29" priority="28" stopIfTrue="1" operator="equal">
      <formula>0</formula>
    </cfRule>
    <cfRule type="cellIs" dxfId="28" priority="29" operator="lessThanOrEqual">
      <formula>90</formula>
    </cfRule>
    <cfRule type="cellIs" dxfId="27" priority="30" operator="greaterThanOrEqual">
      <formula>110</formula>
    </cfRule>
  </conditionalFormatting>
  <conditionalFormatting sqref="AE57">
    <cfRule type="cellIs" dxfId="26" priority="25" stopIfTrue="1" operator="equal">
      <formula>0</formula>
    </cfRule>
    <cfRule type="cellIs" dxfId="25" priority="26" operator="lessThanOrEqual">
      <formula>90</formula>
    </cfRule>
    <cfRule type="cellIs" dxfId="24" priority="27" operator="greaterThanOrEqual">
      <formula>110</formula>
    </cfRule>
  </conditionalFormatting>
  <conditionalFormatting sqref="AE58">
    <cfRule type="cellIs" dxfId="23" priority="22" stopIfTrue="1" operator="equal">
      <formula>0</formula>
    </cfRule>
    <cfRule type="cellIs" dxfId="22" priority="23" operator="lessThanOrEqual">
      <formula>90</formula>
    </cfRule>
    <cfRule type="cellIs" dxfId="21" priority="24" operator="greaterThanOrEqual">
      <formula>110</formula>
    </cfRule>
  </conditionalFormatting>
  <conditionalFormatting sqref="AE59">
    <cfRule type="cellIs" dxfId="20" priority="19" stopIfTrue="1" operator="equal">
      <formula>0</formula>
    </cfRule>
    <cfRule type="cellIs" dxfId="19" priority="20" operator="lessThanOrEqual">
      <formula>90</formula>
    </cfRule>
    <cfRule type="cellIs" dxfId="18" priority="21" operator="greaterThanOrEqual">
      <formula>110</formula>
    </cfRule>
  </conditionalFormatting>
  <conditionalFormatting sqref="AE60">
    <cfRule type="cellIs" dxfId="17" priority="16" stopIfTrue="1" operator="equal">
      <formula>0</formula>
    </cfRule>
    <cfRule type="cellIs" dxfId="16" priority="17" operator="lessThanOrEqual">
      <formula>90</formula>
    </cfRule>
    <cfRule type="cellIs" dxfId="15" priority="18" operator="greaterThanOrEqual">
      <formula>110</formula>
    </cfRule>
  </conditionalFormatting>
  <conditionalFormatting sqref="AE61">
    <cfRule type="cellIs" dxfId="14" priority="13" stopIfTrue="1" operator="equal">
      <formula>0</formula>
    </cfRule>
    <cfRule type="cellIs" dxfId="13" priority="14" operator="lessThanOrEqual">
      <formula>90</formula>
    </cfRule>
    <cfRule type="cellIs" dxfId="12" priority="15" operator="greaterThanOrEqual">
      <formula>110</formula>
    </cfRule>
  </conditionalFormatting>
  <conditionalFormatting sqref="AE62">
    <cfRule type="cellIs" dxfId="11" priority="10" stopIfTrue="1" operator="equal">
      <formula>0</formula>
    </cfRule>
    <cfRule type="cellIs" dxfId="10" priority="11" operator="lessThanOrEqual">
      <formula>90</formula>
    </cfRule>
    <cfRule type="cellIs" dxfId="9" priority="12" operator="greaterThanOrEqual">
      <formula>110</formula>
    </cfRule>
  </conditionalFormatting>
  <conditionalFormatting sqref="AE63">
    <cfRule type="cellIs" dxfId="8" priority="7" stopIfTrue="1" operator="equal">
      <formula>0</formula>
    </cfRule>
    <cfRule type="cellIs" dxfId="7" priority="8" operator="lessThanOrEqual">
      <formula>90</formula>
    </cfRule>
    <cfRule type="cellIs" dxfId="6" priority="9" operator="greaterThanOrEqual">
      <formula>110</formula>
    </cfRule>
  </conditionalFormatting>
  <conditionalFormatting sqref="AE64">
    <cfRule type="cellIs" dxfId="5" priority="4" stopIfTrue="1" operator="equal">
      <formula>0</formula>
    </cfRule>
    <cfRule type="cellIs" dxfId="4" priority="5" operator="lessThanOrEqual">
      <formula>90</formula>
    </cfRule>
    <cfRule type="cellIs" dxfId="3" priority="6" operator="greaterThanOrEqual">
      <formula>110</formula>
    </cfRule>
  </conditionalFormatting>
  <conditionalFormatting sqref="AE65">
    <cfRule type="cellIs" dxfId="2" priority="1" stopIfTrue="1" operator="equal">
      <formula>0</formula>
    </cfRule>
    <cfRule type="cellIs" dxfId="1" priority="2" operator="lessThanOrEqual">
      <formula>90</formula>
    </cfRule>
    <cfRule type="cellIs" dxfId="0" priority="3" operator="greaterThanOrEqual">
      <formula>110</formula>
    </cfRule>
  </conditionalFormatting>
  <pageMargins left="0.31496062992125984" right="0.31496062992125984" top="0.55118110236220474" bottom="0.15748031496062992" header="0.31496062992125984" footer="0.31496062992125984"/>
  <pageSetup paperSize="8" scale="72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入院・外来計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3-01-23T00:53:42Z</dcterms:created>
  <dcterms:modified xsi:type="dcterms:W3CDTF">2023-01-23T00:59:07Z</dcterms:modified>
</cp:coreProperties>
</file>